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0\LRF-2020\Arquivos para publicação-2020\RREO 4º Bim 2020 PUBLICAÇÃO\"/>
    </mc:Choice>
  </mc:AlternateContent>
  <bookViews>
    <workbookView xWindow="0" yWindow="0" windowWidth="20490" windowHeight="7650"/>
  </bookViews>
  <sheets>
    <sheet name="Anexo - Anexo 1 - RREO" sheetId="1" r:id="rId1"/>
    <sheet name="Anexo - Anexo 2 - RREO" sheetId="5" r:id="rId2"/>
    <sheet name="Anexo - Anexo 3 - RREO" sheetId="6" r:id="rId3"/>
    <sheet name="Anexo - Anexo 4 - RREO" sheetId="7" r:id="rId4"/>
    <sheet name="Anexo - Anexo 6 - RREO" sheetId="8" r:id="rId5"/>
    <sheet name="Anexo - Anexo 7 - RREO" sheetId="9" r:id="rId6"/>
    <sheet name="Anexo - Anexo 8 - RREO" sheetId="10" r:id="rId7"/>
    <sheet name="Anexo - Anexo 12 - RREO" sheetId="2" r:id="rId8"/>
    <sheet name="Anexo - Anexo 13 - RREO" sheetId="3" r:id="rId9"/>
    <sheet name="Anexo - Anexo 14 - RREO" sheetId="4" r:id="rId10"/>
  </sheets>
  <calcPr calcId="0"/>
</workbook>
</file>

<file path=xl/sharedStrings.xml><?xml version="1.0" encoding="utf-8"?>
<sst xmlns="http://schemas.openxmlformats.org/spreadsheetml/2006/main" count="2834" uniqueCount="1186">
  <si>
    <t>ESTADO DE MATO GROSSO DO SUL</t>
  </si>
  <si>
    <t>Relatório Resumido de Execução Orçamentária</t>
  </si>
  <si>
    <t>BALANÇO ORÇAMENTÁRIO</t>
  </si>
  <si>
    <t>Orçamentos Fiscal e da Seguridade Social</t>
  </si>
  <si>
    <t>JANEIRO A AGOSTO DE 2020 / BIMESTRE JULHO - AGOSTO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DEMONSTRATIVO DAS RECEITAS E DESPESAS COM AÇÕES E SERVIÇOS PÚBLICOS DE SAÚDE</t>
  </si>
  <si>
    <t>RREO – ANEXO 12 (LC 141/2012, art. 35)</t>
  </si>
  <si>
    <t>RECEITAS RESULTANTES DE IMPOSTOS E TRANSFERÊNCIAS CONSTITUCIONAIS E LEGAIS</t>
  </si>
  <si>
    <t>Até o Bimestre (b)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>Dotação Inicial</t>
  </si>
  <si>
    <t>Dotação Atualizada (c)</t>
  </si>
  <si>
    <t xml:space="preserve">Até o Bimestre (d) </t>
  </si>
  <si>
    <t xml:space="preserve"> %  (d / c) x 100  </t>
  </si>
  <si>
    <t xml:space="preserve">Até o Bimestre (e) </t>
  </si>
  <si>
    <t>%  (e / c) x 100</t>
  </si>
  <si>
    <t>Despesas Pagas</t>
  </si>
  <si>
    <t>%  (f / c) x 100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0 (saldo final = XXd)</t>
  </si>
  <si>
    <t>Diferença de limite não cumprido em 2019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V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0 (regra nova)</t>
  </si>
  <si>
    <t>Empenhos de 2019 (regra nova)</t>
  </si>
  <si>
    <t>Empenhos de 2018</t>
  </si>
  <si>
    <t>Empenhos de 2017</t>
  </si>
  <si>
    <t>Empenhos de 2016 e anteriores</t>
  </si>
  <si>
    <t>UTILIZA DO ANTERIOR</t>
  </si>
  <si>
    <t>Valor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0 a serem compensados (XXV) (saldo inicial = XXIV)</t>
  </si>
  <si>
    <t xml:space="preserve"> Restos a pagar cancelados ou prescritos em 2019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20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Ano 2029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DEMONSTRATIVO SIMPLIFICADO DO RELATÓRIO RESUMIDO DA EXECUÇÃO ORÇAMENTÁRIA</t>
  </si>
  <si>
    <t>LRF, Art. 48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</t>
  </si>
  <si>
    <t>Regime Próprio de Previdência dos Servidores - PLANO PREVIDENCIÁRIO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Resultado Previdenciário</t>
  </si>
  <si>
    <t>Regime Próprio de Previdência dos Servidores - PLANO FINANCEIR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 xml:space="preserve">    Receitas Previdenciárias</t>
  </si>
  <si>
    <t xml:space="preserve">    Despesas Previdenciárias</t>
  </si>
  <si>
    <t>Plano Financeiro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  <si>
    <t>DEMONSTRATIVO DA EXECUÇÃO DAS DESPESAS POR FUNÇÃO/SUBFUNÇÃO</t>
  </si>
  <si>
    <t>LRF, Art. 52, inciso II, alíneas "c"</t>
  </si>
  <si>
    <t>FUNÇÃO/SUBFUNÇÃO</t>
  </si>
  <si>
    <t>Dotação Atualizada (a)</t>
  </si>
  <si>
    <t>% (b/total b)</t>
  </si>
  <si>
    <t>Saldo (c) = (a-b)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   243 - Assistência à Criança e ao Adolescente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99</t>
  </si>
  <si>
    <t>200</t>
  </si>
  <si>
    <t>201</t>
  </si>
  <si>
    <t>202</t>
  </si>
  <si>
    <t>203</t>
  </si>
  <si>
    <t>204</t>
  </si>
  <si>
    <t>205</t>
  </si>
  <si>
    <t>100001</t>
  </si>
  <si>
    <t>Total</t>
  </si>
  <si>
    <t>DEMONSTRATIVO DA RECEITA CORRENTE LÍQUIDA</t>
  </si>
  <si>
    <t>LRF, Art. 53, inciso I</t>
  </si>
  <si>
    <t>ESPECIFICAÇÃO</t>
  </si>
  <si>
    <t>Evolução da Receita Realizada nos últimos 12 meses</t>
  </si>
  <si>
    <t>Set/2019</t>
  </si>
  <si>
    <t>Out/2019</t>
  </si>
  <si>
    <t>Nov/2019</t>
  </si>
  <si>
    <t>Dez/2019</t>
  </si>
  <si>
    <t>Jan/2020</t>
  </si>
  <si>
    <t>Fev/2020</t>
  </si>
  <si>
    <t>Mar/2020</t>
  </si>
  <si>
    <t>Abr/2020</t>
  </si>
  <si>
    <t>Mai/2020</t>
  </si>
  <si>
    <t>Jun/2020</t>
  </si>
  <si>
    <t>Jul/2020</t>
  </si>
  <si>
    <t>Ago/2020</t>
  </si>
  <si>
    <t>Total (ùltimos 12 Meses)</t>
  </si>
  <si>
    <t>Previsão Atualizada 2020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DEMONSTRATIVO DAS RECEITAS E DESPESAS PREVIDENCIÁRIAS</t>
  </si>
  <si>
    <t>LRF, Art. 53, inciso II</t>
  </si>
  <si>
    <t>RECEITAS PREVIDENCIÁRIAS - RPPS</t>
  </si>
  <si>
    <t>Previsão Atualizada</t>
  </si>
  <si>
    <t>Até o Bimestre 2020</t>
  </si>
  <si>
    <t>Até o Bimestre 2019</t>
  </si>
  <si>
    <t>RECEITAS CORRENTES (I)</t>
  </si>
  <si>
    <t xml:space="preserve">Receita de Contribuições dos Segurados </t>
  </si>
  <si>
    <t xml:space="preserve">   Civil</t>
  </si>
  <si>
    <t xml:space="preserve">      Ativo </t>
  </si>
  <si>
    <t xml:space="preserve">      Inativo </t>
  </si>
  <si>
    <t xml:space="preserve">      Pensionista </t>
  </si>
  <si>
    <t xml:space="preserve">   Militar</t>
  </si>
  <si>
    <t xml:space="preserve">    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RPPS</t>
  </si>
  <si>
    <t>Dotação Atualizada</t>
  </si>
  <si>
    <t>Benefícios - Civil</t>
  </si>
  <si>
    <t xml:space="preserve">   Aposentadorias</t>
  </si>
  <si>
    <t xml:space="preserve">   Pensões</t>
  </si>
  <si>
    <t xml:space="preserve">   Outros Benefícios Previdenciários</t>
  </si>
  <si>
    <t>Benefícios - Militar</t>
  </si>
  <si>
    <t xml:space="preserve">   Reformas</t>
  </si>
  <si>
    <t>Outras Despesas Previdenciárias</t>
  </si>
  <si>
    <t xml:space="preserve">   Compensação Previdenciária do RPPS para o RGPS</t>
  </si>
  <si>
    <t xml:space="preserve">   Demais Despesas Previdenciárias</t>
  </si>
  <si>
    <t>TOTAL DAS DESPESAS PREVIDENCIÁRIAS RPPS (V)</t>
  </si>
  <si>
    <t>RESULTADO PREVIDENCIÁRIO (VIII) = (IV – VII)²</t>
  </si>
  <si>
    <t>RESULTADO PREVIDENCIÁRIO (VI) = (IV – V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</t>
  </si>
  <si>
    <t>Período de Referência</t>
  </si>
  <si>
    <t>2020</t>
  </si>
  <si>
    <t>2019</t>
  </si>
  <si>
    <t>Caixa e Equivalentes de Caixa</t>
  </si>
  <si>
    <t>Investimentos e Aplicações</t>
  </si>
  <si>
    <t>Outros Bens e Direitos</t>
  </si>
  <si>
    <t>RECEITAS CORRENTES (VII)</t>
  </si>
  <si>
    <t xml:space="preserve">   Receita de Contribuições dos Segurados</t>
  </si>
  <si>
    <t xml:space="preserve">      Civil</t>
  </si>
  <si>
    <t xml:space="preserve">         Ativo </t>
  </si>
  <si>
    <t xml:space="preserve">         Inativo </t>
  </si>
  <si>
    <t xml:space="preserve">         Pensionista 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IX) = (VII + VIII)</t>
  </si>
  <si>
    <t xml:space="preserve">   Aposentadorias </t>
  </si>
  <si>
    <t xml:space="preserve">TOTAL DAS DESPESAS PREVIDENCIÁRIAS RPPS (X) </t>
  </si>
  <si>
    <t>RESULTADO PREVIDENCIÁRIO (XV) = (XI – XIV)²</t>
  </si>
  <si>
    <t>RESULTADO PREVIDENCIÁRIO (XI) = (IX – X)2</t>
  </si>
  <si>
    <t>APORTES DE RECURSOS PARA O PLANO FINANCEIRO DO RPPS</t>
  </si>
  <si>
    <t>Recursos para Cobertura de Insuficiências Financeiras</t>
  </si>
  <si>
    <t>Recursos para Formação de Reserva</t>
  </si>
  <si>
    <t>RECEITAS DA ADMINISTRAÇÃO - RPPS</t>
  </si>
  <si>
    <t>TOTAL DAS RECEITAS DA ADMINISTRAÇÃO RPPS - (XII)</t>
  </si>
  <si>
    <t>DESPESAS DA ADMINISTRAÇÃO - RPPS</t>
  </si>
  <si>
    <t>DESPESAS CORRENTES (XIII)</t>
  </si>
  <si>
    <t>DESPESAS DE CAPITAL (XIV)</t>
  </si>
  <si>
    <t>TOTAL DAS DESPESAS DA ADMINISTRAÇÃO RPPS (XV) = (XIII + XIV)</t>
  </si>
  <si>
    <t>USAR DA ANTERIOR</t>
  </si>
  <si>
    <t>RESULTADO DA ADMINISTRAÇÃO RPPS (XVI) = (XII – XV)</t>
  </si>
  <si>
    <t>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9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0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¹</t>
  </si>
  <si>
    <t>Até o Bimestre/2019</t>
  </si>
  <si>
    <t>Até o Bimestre/  2020</t>
  </si>
  <si>
    <t>INSCRITAS EM RESTOS A PAGAR NÃO PROCESSADOS</t>
  </si>
  <si>
    <t>DESPESAS CORRENTES (XLI)</t>
  </si>
  <si>
    <t>Juros e Encargos da Dívida (XLII)</t>
  </si>
  <si>
    <t>DESPESAS PRIMÁRIAS CORRENTES (XLIII) = (XLI - XLII)</t>
  </si>
  <si>
    <t>Transferências Constitucionais (XLIV)</t>
  </si>
  <si>
    <t>Contribuições para o PIS/PASEP (XLV)</t>
  </si>
  <si>
    <t>DESPESAS PRIMÁRIAS CORRENTES APURADAS CONFORME O ART. 4º DA LC 156/16 (XLVI) = (XLIII - XLIV - XLV)</t>
  </si>
  <si>
    <t>DEMONSTRATIVO DOS RESTOS A PAGAR POR PODER E ÓRGÃO</t>
  </si>
  <si>
    <t>LRF, Art. 53, inciso V</t>
  </si>
  <si>
    <t>Poder / Órgão</t>
  </si>
  <si>
    <t>Restos a Pagar Processados</t>
  </si>
  <si>
    <t>Inscritos em Exercícios Anteriores (a)</t>
  </si>
  <si>
    <t>Inscritos Em 31 de Dezembro de 2019 (b)</t>
  </si>
  <si>
    <t>Cancelados (d)</t>
  </si>
  <si>
    <t>Saldo e=(a+b)-(c+d)</t>
  </si>
  <si>
    <t>Restos a Pagar Não Processados</t>
  </si>
  <si>
    <t>Inscritos em Exercícios Anteriores (f)</t>
  </si>
  <si>
    <t>Inscritos Em 31 de Dezembro de 2019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DEMONSTRATIVO DAS RECEITAS E DESPESAS COM MANUTENÇÃO E DESENVOLVIMENTO DO ENSINO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% (f) = (e / d) * 100</t>
  </si>
  <si>
    <t>Até o Bimestre (g)</t>
  </si>
  <si>
    <t>% (h) = (g / d) * 100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9 QUE NÃO FORAM UTILIZADOS</t>
  </si>
  <si>
    <t>22 – DESPESAS CUSTEADAS COM O SALDO DO ITEM 21 ATÉ O 1º TRIMESTRE DE 2020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DESPESAS CUSTEADAS COM RECEITAS ADICIONAIS PARA FINANCIAMENTO DO ENSINO </t>
  </si>
  <si>
    <t xml:space="preserve">Até o Bimestre (g)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20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9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abSelected="1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20.140625" bestFit="1" customWidth="1"/>
    <col min="7" max="7" width="20.28515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</cols>
  <sheetData>
    <row r="3" spans="1:11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</row>
    <row r="4" spans="1:11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</row>
    <row r="5" spans="1:11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1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1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</row>
    <row r="9" spans="1:11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</row>
    <row r="10" spans="1:11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1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1" x14ac:dyDescent="0.25">
      <c r="A12" s="3" t="s">
        <v>17</v>
      </c>
      <c r="B12" s="5" t="s">
        <v>18</v>
      </c>
      <c r="C12" s="11">
        <v>14468910900</v>
      </c>
      <c r="D12" s="11">
        <v>14817084951.219999</v>
      </c>
      <c r="E12" s="11">
        <v>2792354841.1399999</v>
      </c>
      <c r="F12" s="11">
        <v>18.850000000000001</v>
      </c>
      <c r="G12" s="11">
        <v>9604295441.1299992</v>
      </c>
      <c r="H12" s="11">
        <v>64.819999999999993</v>
      </c>
      <c r="I12" s="11">
        <v>5212789510.0900002</v>
      </c>
    </row>
    <row r="13" spans="1:11" x14ac:dyDescent="0.25">
      <c r="A13" s="3" t="s">
        <v>19</v>
      </c>
      <c r="B13" s="5" t="s">
        <v>20</v>
      </c>
      <c r="C13" s="11">
        <v>12909936500</v>
      </c>
      <c r="D13" s="11">
        <v>13106782582.219999</v>
      </c>
      <c r="E13" s="11">
        <v>2712756158.8000002</v>
      </c>
      <c r="F13" s="11">
        <v>20.7</v>
      </c>
      <c r="G13" s="11">
        <v>9415098889.9300003</v>
      </c>
      <c r="H13" s="11">
        <v>71.83</v>
      </c>
      <c r="I13" s="11">
        <v>3691683692.29</v>
      </c>
    </row>
    <row r="14" spans="1:11" x14ac:dyDescent="0.25">
      <c r="A14" s="3" t="s">
        <v>21</v>
      </c>
      <c r="B14" s="5" t="s">
        <v>22</v>
      </c>
      <c r="C14" s="11">
        <v>7547324200</v>
      </c>
      <c r="D14" s="11">
        <v>7547324200</v>
      </c>
      <c r="E14" s="11">
        <v>1340213067.4100001</v>
      </c>
      <c r="F14" s="11">
        <v>17.760000000000002</v>
      </c>
      <c r="G14" s="11">
        <v>4968853696.5200005</v>
      </c>
      <c r="H14" s="11">
        <v>65.84</v>
      </c>
      <c r="I14" s="11">
        <v>2578470503.48</v>
      </c>
    </row>
    <row r="15" spans="1:11" x14ac:dyDescent="0.25">
      <c r="A15" s="2" t="s">
        <v>23</v>
      </c>
      <c r="B15" s="4" t="s">
        <v>24</v>
      </c>
      <c r="C15" s="12">
        <v>7291055000</v>
      </c>
      <c r="D15" s="12">
        <v>7291055000</v>
      </c>
      <c r="E15" s="12">
        <v>1290532743.8099999</v>
      </c>
      <c r="F15" s="12">
        <v>17.7</v>
      </c>
      <c r="G15" s="12">
        <v>4809557257.5900002</v>
      </c>
      <c r="H15" s="12">
        <v>65.97</v>
      </c>
      <c r="I15" s="12">
        <v>2481497742.4099998</v>
      </c>
    </row>
    <row r="16" spans="1:11" x14ac:dyDescent="0.25">
      <c r="A16" s="2" t="s">
        <v>25</v>
      </c>
      <c r="B16" s="4" t="s">
        <v>26</v>
      </c>
      <c r="C16" s="12">
        <v>256269200</v>
      </c>
      <c r="D16" s="12">
        <v>256269200</v>
      </c>
      <c r="E16" s="12">
        <v>49680323.600000001</v>
      </c>
      <c r="F16" s="12">
        <v>19.39</v>
      </c>
      <c r="G16" s="12">
        <v>159296438.93000001</v>
      </c>
      <c r="H16" s="12">
        <v>62.16</v>
      </c>
      <c r="I16" s="12">
        <v>96972761.069999993</v>
      </c>
    </row>
    <row r="17" spans="1:9" x14ac:dyDescent="0.25">
      <c r="A17" s="2" t="s">
        <v>27</v>
      </c>
      <c r="B17" s="4" t="s">
        <v>28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30</v>
      </c>
      <c r="C18" s="11">
        <v>742510800</v>
      </c>
      <c r="D18" s="11">
        <v>742510800</v>
      </c>
      <c r="E18" s="11">
        <v>108793441.48</v>
      </c>
      <c r="F18" s="11">
        <v>14.65</v>
      </c>
      <c r="G18" s="11">
        <v>364534144.80000001</v>
      </c>
      <c r="H18" s="11">
        <v>49.09</v>
      </c>
      <c r="I18" s="11">
        <v>377976655.19999999</v>
      </c>
    </row>
    <row r="19" spans="1:9" x14ac:dyDescent="0.25">
      <c r="A19" s="2" t="s">
        <v>31</v>
      </c>
      <c r="B19" s="4" t="s">
        <v>32</v>
      </c>
      <c r="C19" s="12">
        <v>742510800</v>
      </c>
      <c r="D19" s="12">
        <v>742510800</v>
      </c>
      <c r="E19" s="12">
        <v>108793441.48</v>
      </c>
      <c r="F19" s="12">
        <v>14.65</v>
      </c>
      <c r="G19" s="12">
        <v>364534144.80000001</v>
      </c>
      <c r="H19" s="12">
        <v>49.09</v>
      </c>
      <c r="I19" s="12">
        <v>377976655.19999999</v>
      </c>
    </row>
    <row r="20" spans="1:9" x14ac:dyDescent="0.25">
      <c r="A20" s="2" t="s">
        <v>33</v>
      </c>
      <c r="B20" s="4" t="s">
        <v>34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2" t="s">
        <v>35</v>
      </c>
      <c r="B21" s="4" t="s">
        <v>36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</row>
    <row r="22" spans="1:9" x14ac:dyDescent="0.25">
      <c r="A22" s="2" t="s">
        <v>37</v>
      </c>
      <c r="B22" s="4" t="s">
        <v>38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3" t="s">
        <v>39</v>
      </c>
      <c r="B23" s="5" t="s">
        <v>40</v>
      </c>
      <c r="C23" s="11">
        <v>108933500</v>
      </c>
      <c r="D23" s="11">
        <v>115921602.76000001</v>
      </c>
      <c r="E23" s="11">
        <v>124707050.06999999</v>
      </c>
      <c r="F23" s="11">
        <v>107.58</v>
      </c>
      <c r="G23" s="11">
        <v>176683790.75999999</v>
      </c>
      <c r="H23" s="11">
        <v>152.41999999999999</v>
      </c>
      <c r="I23" s="11">
        <v>-60762188</v>
      </c>
    </row>
    <row r="24" spans="1:9" x14ac:dyDescent="0.25">
      <c r="A24" s="2" t="s">
        <v>41</v>
      </c>
      <c r="B24" s="4" t="s">
        <v>42</v>
      </c>
      <c r="C24" s="12">
        <v>1786200</v>
      </c>
      <c r="D24" s="12">
        <v>1786200</v>
      </c>
      <c r="E24" s="12">
        <v>192957.52</v>
      </c>
      <c r="F24" s="12">
        <v>10.8</v>
      </c>
      <c r="G24" s="12">
        <v>1033289.31</v>
      </c>
      <c r="H24" s="12">
        <v>57.85</v>
      </c>
      <c r="I24" s="12">
        <v>752910.69</v>
      </c>
    </row>
    <row r="25" spans="1:9" x14ac:dyDescent="0.25">
      <c r="A25" s="2" t="s">
        <v>43</v>
      </c>
      <c r="B25" s="4" t="s">
        <v>44</v>
      </c>
      <c r="C25" s="12">
        <v>65596100</v>
      </c>
      <c r="D25" s="12">
        <v>65637202.759999998</v>
      </c>
      <c r="E25" s="12">
        <v>5295650.78</v>
      </c>
      <c r="F25" s="12">
        <v>8.07</v>
      </c>
      <c r="G25" s="12">
        <v>28445992.539999999</v>
      </c>
      <c r="H25" s="12">
        <v>43.34</v>
      </c>
      <c r="I25" s="12">
        <v>37191210.219999999</v>
      </c>
    </row>
    <row r="26" spans="1:9" x14ac:dyDescent="0.25">
      <c r="A26" s="2" t="s">
        <v>45</v>
      </c>
      <c r="B26" s="4" t="s">
        <v>46</v>
      </c>
      <c r="C26" s="12">
        <v>0</v>
      </c>
      <c r="D26" s="12">
        <v>0</v>
      </c>
      <c r="E26" s="12">
        <v>115864543.34</v>
      </c>
      <c r="F26" s="12">
        <v>0</v>
      </c>
      <c r="G26" s="12">
        <v>115864543.34</v>
      </c>
      <c r="H26" s="12">
        <v>0</v>
      </c>
      <c r="I26" s="12">
        <v>-115864543.34</v>
      </c>
    </row>
    <row r="27" spans="1:9" x14ac:dyDescent="0.25">
      <c r="A27" s="2" t="s">
        <v>47</v>
      </c>
      <c r="B27" s="4" t="s">
        <v>48</v>
      </c>
      <c r="C27" s="12">
        <v>25384000</v>
      </c>
      <c r="D27" s="12">
        <v>32331000</v>
      </c>
      <c r="E27" s="12">
        <v>2655547.4900000002</v>
      </c>
      <c r="F27" s="12">
        <v>8.2100000000000009</v>
      </c>
      <c r="G27" s="12">
        <v>15245017.75</v>
      </c>
      <c r="H27" s="12">
        <v>47.15</v>
      </c>
      <c r="I27" s="12">
        <v>17085982.25</v>
      </c>
    </row>
    <row r="28" spans="1:9" x14ac:dyDescent="0.25">
      <c r="A28" s="2" t="s">
        <v>49</v>
      </c>
      <c r="B28" s="4" t="s">
        <v>5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52</v>
      </c>
      <c r="C29" s="12">
        <v>16167200</v>
      </c>
      <c r="D29" s="12">
        <v>16167200</v>
      </c>
      <c r="E29" s="12">
        <v>698350.94</v>
      </c>
      <c r="F29" s="12">
        <v>4.32</v>
      </c>
      <c r="G29" s="12">
        <v>16094947.82</v>
      </c>
      <c r="H29" s="12">
        <v>99.55</v>
      </c>
      <c r="I29" s="12">
        <v>72252.179999999993</v>
      </c>
    </row>
    <row r="30" spans="1:9" x14ac:dyDescent="0.25">
      <c r="A30" s="2" t="s">
        <v>53</v>
      </c>
      <c r="B30" s="4" t="s">
        <v>54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</row>
    <row r="31" spans="1:9" x14ac:dyDescent="0.25">
      <c r="A31" s="2" t="s">
        <v>55</v>
      </c>
      <c r="B31" s="4" t="s">
        <v>5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58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60</v>
      </c>
      <c r="C33" s="11">
        <v>817495900</v>
      </c>
      <c r="D33" s="11">
        <v>817495900</v>
      </c>
      <c r="E33" s="11">
        <v>186029221.13999999</v>
      </c>
      <c r="F33" s="11">
        <v>22.76</v>
      </c>
      <c r="G33" s="11">
        <v>534857330.92000002</v>
      </c>
      <c r="H33" s="11">
        <v>65.430000000000007</v>
      </c>
      <c r="I33" s="11">
        <v>282638569.07999998</v>
      </c>
    </row>
    <row r="34" spans="1:9" x14ac:dyDescent="0.25">
      <c r="A34" s="2" t="s">
        <v>61</v>
      </c>
      <c r="B34" s="4" t="s">
        <v>62</v>
      </c>
      <c r="C34" s="12">
        <v>741734800</v>
      </c>
      <c r="D34" s="12">
        <v>741734800</v>
      </c>
      <c r="E34" s="12">
        <v>168991715.13999999</v>
      </c>
      <c r="F34" s="12">
        <v>22.78</v>
      </c>
      <c r="G34" s="12">
        <v>485059003.12</v>
      </c>
      <c r="H34" s="12">
        <v>65.400000000000006</v>
      </c>
      <c r="I34" s="12">
        <v>256675796.88</v>
      </c>
    </row>
    <row r="35" spans="1:9" x14ac:dyDescent="0.25">
      <c r="A35" s="2" t="s">
        <v>63</v>
      </c>
      <c r="B35" s="4" t="s">
        <v>64</v>
      </c>
      <c r="C35" s="12">
        <v>2299700</v>
      </c>
      <c r="D35" s="12">
        <v>2299700</v>
      </c>
      <c r="E35" s="12">
        <v>-1064815.3500000001</v>
      </c>
      <c r="F35" s="12">
        <v>-46.3</v>
      </c>
      <c r="G35" s="12">
        <v>0</v>
      </c>
      <c r="H35" s="12">
        <v>0</v>
      </c>
      <c r="I35" s="12">
        <v>2299700</v>
      </c>
    </row>
    <row r="36" spans="1:9" x14ac:dyDescent="0.25">
      <c r="A36" s="2" t="s">
        <v>65</v>
      </c>
      <c r="B36" s="4" t="s">
        <v>66</v>
      </c>
      <c r="C36" s="12">
        <v>65051400</v>
      </c>
      <c r="D36" s="12">
        <v>65051400</v>
      </c>
      <c r="E36" s="12">
        <v>16327921.550000001</v>
      </c>
      <c r="F36" s="12">
        <v>25.1</v>
      </c>
      <c r="G36" s="12">
        <v>44992544.270000003</v>
      </c>
      <c r="H36" s="12">
        <v>69.16</v>
      </c>
      <c r="I36" s="12">
        <v>20058855.73</v>
      </c>
    </row>
    <row r="37" spans="1:9" x14ac:dyDescent="0.25">
      <c r="A37" s="2" t="s">
        <v>67</v>
      </c>
      <c r="B37" s="4" t="s">
        <v>68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</row>
    <row r="38" spans="1:9" x14ac:dyDescent="0.25">
      <c r="A38" s="2" t="s">
        <v>69</v>
      </c>
      <c r="B38" s="4" t="s">
        <v>70</v>
      </c>
      <c r="C38" s="12">
        <v>8410000</v>
      </c>
      <c r="D38" s="12">
        <v>8410000</v>
      </c>
      <c r="E38" s="12">
        <v>1774399.8</v>
      </c>
      <c r="F38" s="12">
        <v>21.1</v>
      </c>
      <c r="G38" s="12">
        <v>4805783.53</v>
      </c>
      <c r="H38" s="12">
        <v>57.14</v>
      </c>
      <c r="I38" s="12">
        <v>3604216.47</v>
      </c>
    </row>
    <row r="39" spans="1:9" x14ac:dyDescent="0.25">
      <c r="A39" s="3" t="s">
        <v>71</v>
      </c>
      <c r="B39" s="5" t="s">
        <v>72</v>
      </c>
      <c r="C39" s="11">
        <v>3626413800</v>
      </c>
      <c r="D39" s="11">
        <v>3815714125.46</v>
      </c>
      <c r="E39" s="11">
        <v>939873016.49000001</v>
      </c>
      <c r="F39" s="11">
        <v>24.63</v>
      </c>
      <c r="G39" s="11">
        <v>3314468913.6100001</v>
      </c>
      <c r="H39" s="11">
        <v>86.86</v>
      </c>
      <c r="I39" s="11">
        <v>501245211.85000002</v>
      </c>
    </row>
    <row r="40" spans="1:9" x14ac:dyDescent="0.25">
      <c r="A40" s="2" t="s">
        <v>73</v>
      </c>
      <c r="B40" s="4" t="s">
        <v>74</v>
      </c>
      <c r="C40" s="12">
        <v>1546629500</v>
      </c>
      <c r="D40" s="12">
        <v>1620929825.46</v>
      </c>
      <c r="E40" s="12">
        <v>592015043.80999994</v>
      </c>
      <c r="F40" s="12">
        <v>36.520000000000003</v>
      </c>
      <c r="G40" s="12">
        <v>1523500631.6099999</v>
      </c>
      <c r="H40" s="12">
        <v>93.99</v>
      </c>
      <c r="I40" s="12">
        <v>97429193.849999994</v>
      </c>
    </row>
    <row r="41" spans="1:9" x14ac:dyDescent="0.25">
      <c r="A41" s="2" t="s">
        <v>75</v>
      </c>
      <c r="B41" s="4" t="s">
        <v>76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</row>
    <row r="42" spans="1:9" x14ac:dyDescent="0.25">
      <c r="A42" s="2" t="s">
        <v>77</v>
      </c>
      <c r="B42" s="4" t="s">
        <v>78</v>
      </c>
      <c r="C42" s="12">
        <v>79000</v>
      </c>
      <c r="D42" s="12">
        <v>79000</v>
      </c>
      <c r="E42" s="12">
        <v>763641.95</v>
      </c>
      <c r="F42" s="12">
        <v>966.64</v>
      </c>
      <c r="G42" s="12">
        <v>1818375.19</v>
      </c>
      <c r="H42" s="12">
        <v>2301.7399999999998</v>
      </c>
      <c r="I42" s="12">
        <v>-1739375.19</v>
      </c>
    </row>
    <row r="43" spans="1:9" x14ac:dyDescent="0.25">
      <c r="A43" s="2" t="s">
        <v>79</v>
      </c>
      <c r="B43" s="4" t="s">
        <v>80</v>
      </c>
      <c r="C43" s="12">
        <v>913935800</v>
      </c>
      <c r="D43" s="12">
        <v>1028935800</v>
      </c>
      <c r="E43" s="12">
        <v>170893747.55000001</v>
      </c>
      <c r="F43" s="12">
        <v>16.61</v>
      </c>
      <c r="G43" s="12">
        <v>1065631454.04</v>
      </c>
      <c r="H43" s="12">
        <v>103.57</v>
      </c>
      <c r="I43" s="12">
        <v>-36695654.039999999</v>
      </c>
    </row>
    <row r="44" spans="1:9" x14ac:dyDescent="0.25">
      <c r="A44" s="2" t="s">
        <v>81</v>
      </c>
      <c r="B44" s="4" t="s">
        <v>82</v>
      </c>
      <c r="C44" s="12">
        <v>1162234200</v>
      </c>
      <c r="D44" s="12">
        <v>1162234200</v>
      </c>
      <c r="E44" s="12">
        <v>176200583.18000001</v>
      </c>
      <c r="F44" s="12">
        <v>15.16</v>
      </c>
      <c r="G44" s="12">
        <v>723518452.76999998</v>
      </c>
      <c r="H44" s="12">
        <v>62.25</v>
      </c>
      <c r="I44" s="12">
        <v>438715747.23000002</v>
      </c>
    </row>
    <row r="45" spans="1:9" x14ac:dyDescent="0.25">
      <c r="A45" s="2" t="s">
        <v>83</v>
      </c>
      <c r="B45" s="4" t="s">
        <v>84</v>
      </c>
      <c r="C45" s="12">
        <v>1282900</v>
      </c>
      <c r="D45" s="12">
        <v>1282900</v>
      </c>
      <c r="E45" s="12">
        <v>0</v>
      </c>
      <c r="F45" s="12">
        <v>0</v>
      </c>
      <c r="G45" s="12">
        <v>0</v>
      </c>
      <c r="H45" s="12">
        <v>0</v>
      </c>
      <c r="I45" s="12">
        <v>1282900</v>
      </c>
    </row>
    <row r="46" spans="1:9" x14ac:dyDescent="0.25">
      <c r="A46" s="2" t="s">
        <v>85</v>
      </c>
      <c r="B46" s="4" t="s">
        <v>86</v>
      </c>
      <c r="C46" s="12">
        <v>2252400</v>
      </c>
      <c r="D46" s="12">
        <v>2252400</v>
      </c>
      <c r="E46" s="12">
        <v>0</v>
      </c>
      <c r="F46" s="12">
        <v>0</v>
      </c>
      <c r="G46" s="12">
        <v>0</v>
      </c>
      <c r="H46" s="12">
        <v>0</v>
      </c>
      <c r="I46" s="12">
        <v>2252400</v>
      </c>
    </row>
    <row r="47" spans="1:9" x14ac:dyDescent="0.25">
      <c r="A47" s="2" t="s">
        <v>87</v>
      </c>
      <c r="B47" s="4" t="s">
        <v>88</v>
      </c>
      <c r="C47" s="12">
        <v>0</v>
      </c>
      <c r="D47" s="12">
        <v>0</v>
      </c>
      <c r="E47" s="12">
        <v>0</v>
      </c>
      <c r="F47" s="12">
        <v>0</v>
      </c>
      <c r="G47" s="12">
        <v>0</v>
      </c>
      <c r="H47" s="12">
        <v>0</v>
      </c>
      <c r="I47" s="12">
        <v>0</v>
      </c>
    </row>
    <row r="48" spans="1:9" x14ac:dyDescent="0.25">
      <c r="A48" s="3" t="s">
        <v>89</v>
      </c>
      <c r="B48" s="5" t="s">
        <v>90</v>
      </c>
      <c r="C48" s="11">
        <v>67258300</v>
      </c>
      <c r="D48" s="11">
        <v>67815954</v>
      </c>
      <c r="E48" s="11">
        <v>13140362.210000001</v>
      </c>
      <c r="F48" s="11">
        <v>19.38</v>
      </c>
      <c r="G48" s="11">
        <v>55701013.32</v>
      </c>
      <c r="H48" s="11">
        <v>82.14</v>
      </c>
      <c r="I48" s="11">
        <v>12114940.68</v>
      </c>
    </row>
    <row r="49" spans="1:9" x14ac:dyDescent="0.25">
      <c r="A49" s="2" t="s">
        <v>91</v>
      </c>
      <c r="B49" s="4" t="s">
        <v>92</v>
      </c>
      <c r="C49" s="12">
        <v>39299300</v>
      </c>
      <c r="D49" s="12">
        <v>39299300</v>
      </c>
      <c r="E49" s="12">
        <v>7228507.6200000001</v>
      </c>
      <c r="F49" s="12">
        <v>18.39</v>
      </c>
      <c r="G49" s="12">
        <v>22646519.219999999</v>
      </c>
      <c r="H49" s="12">
        <v>57.63</v>
      </c>
      <c r="I49" s="12">
        <v>16652780.779999999</v>
      </c>
    </row>
    <row r="50" spans="1:9" x14ac:dyDescent="0.25">
      <c r="A50" s="2" t="s">
        <v>93</v>
      </c>
      <c r="B50" s="4" t="s">
        <v>94</v>
      </c>
      <c r="C50" s="12">
        <v>16284200</v>
      </c>
      <c r="D50" s="12">
        <v>16284200</v>
      </c>
      <c r="E50" s="12">
        <v>1702950.73</v>
      </c>
      <c r="F50" s="12">
        <v>10.46</v>
      </c>
      <c r="G50" s="12">
        <v>11239189.789999999</v>
      </c>
      <c r="H50" s="12">
        <v>69.02</v>
      </c>
      <c r="I50" s="12">
        <v>5045010.21</v>
      </c>
    </row>
    <row r="51" spans="1:9" x14ac:dyDescent="0.25">
      <c r="A51" s="2" t="s">
        <v>95</v>
      </c>
      <c r="B51" s="4" t="s">
        <v>96</v>
      </c>
      <c r="C51" s="12">
        <v>0</v>
      </c>
      <c r="D51" s="12">
        <v>0</v>
      </c>
      <c r="E51" s="12">
        <v>0</v>
      </c>
      <c r="F51" s="12">
        <v>0</v>
      </c>
      <c r="G51" s="12">
        <v>0</v>
      </c>
      <c r="H51" s="12">
        <v>0</v>
      </c>
      <c r="I51" s="12">
        <v>0</v>
      </c>
    </row>
    <row r="52" spans="1:9" x14ac:dyDescent="0.25">
      <c r="A52" s="2" t="s">
        <v>97</v>
      </c>
      <c r="B52" s="4" t="s">
        <v>98</v>
      </c>
      <c r="C52" s="12">
        <v>11674800</v>
      </c>
      <c r="D52" s="12">
        <v>12232454</v>
      </c>
      <c r="E52" s="12">
        <v>4208903.8600000003</v>
      </c>
      <c r="F52" s="12">
        <v>34.409999999999997</v>
      </c>
      <c r="G52" s="12">
        <v>21815304.309999999</v>
      </c>
      <c r="H52" s="12">
        <v>178.34</v>
      </c>
      <c r="I52" s="12">
        <v>-9582850.3100000005</v>
      </c>
    </row>
    <row r="53" spans="1:9" x14ac:dyDescent="0.25">
      <c r="A53" s="3" t="s">
        <v>99</v>
      </c>
      <c r="B53" s="5" t="s">
        <v>100</v>
      </c>
      <c r="C53" s="11">
        <v>1558974400</v>
      </c>
      <c r="D53" s="11">
        <v>1710302369</v>
      </c>
      <c r="E53" s="11">
        <v>79598682.340000004</v>
      </c>
      <c r="F53" s="11">
        <v>4.6500000000000004</v>
      </c>
      <c r="G53" s="11">
        <v>189196551.19999999</v>
      </c>
      <c r="H53" s="11">
        <v>11.06</v>
      </c>
      <c r="I53" s="11">
        <v>1521105817.8</v>
      </c>
    </row>
    <row r="54" spans="1:9" x14ac:dyDescent="0.25">
      <c r="A54" s="3" t="s">
        <v>101</v>
      </c>
      <c r="B54" s="5" t="s">
        <v>102</v>
      </c>
      <c r="C54" s="11">
        <v>23625100</v>
      </c>
      <c r="D54" s="11">
        <v>35003682</v>
      </c>
      <c r="E54" s="11">
        <v>0</v>
      </c>
      <c r="F54" s="11">
        <v>0</v>
      </c>
      <c r="G54" s="11">
        <v>19708636.879999999</v>
      </c>
      <c r="H54" s="11">
        <v>56.3</v>
      </c>
      <c r="I54" s="11">
        <v>15295045.119999999</v>
      </c>
    </row>
    <row r="55" spans="1:9" x14ac:dyDescent="0.25">
      <c r="A55" s="2" t="s">
        <v>103</v>
      </c>
      <c r="B55" s="4" t="s">
        <v>104</v>
      </c>
      <c r="C55" s="12">
        <v>0</v>
      </c>
      <c r="D55" s="12">
        <v>11378582</v>
      </c>
      <c r="E55" s="12">
        <v>0</v>
      </c>
      <c r="F55" s="12">
        <v>0</v>
      </c>
      <c r="G55" s="12">
        <v>6643545.4500000002</v>
      </c>
      <c r="H55" s="12">
        <v>58.39</v>
      </c>
      <c r="I55" s="12">
        <v>4735036.55</v>
      </c>
    </row>
    <row r="56" spans="1:9" x14ac:dyDescent="0.25">
      <c r="A56" s="2" t="s">
        <v>105</v>
      </c>
      <c r="B56" s="4" t="s">
        <v>106</v>
      </c>
      <c r="C56" s="12">
        <v>23625100</v>
      </c>
      <c r="D56" s="12">
        <v>23625100</v>
      </c>
      <c r="E56" s="12">
        <v>0</v>
      </c>
      <c r="F56" s="12">
        <v>0</v>
      </c>
      <c r="G56" s="12">
        <v>13065091.43</v>
      </c>
      <c r="H56" s="12">
        <v>55.3</v>
      </c>
      <c r="I56" s="12">
        <v>10560008.57</v>
      </c>
    </row>
    <row r="57" spans="1:9" x14ac:dyDescent="0.25">
      <c r="A57" s="3" t="s">
        <v>107</v>
      </c>
      <c r="B57" s="5" t="s">
        <v>108</v>
      </c>
      <c r="C57" s="11">
        <v>5188600</v>
      </c>
      <c r="D57" s="11">
        <v>5188600</v>
      </c>
      <c r="E57" s="11">
        <v>6980.74</v>
      </c>
      <c r="F57" s="11">
        <v>0.13</v>
      </c>
      <c r="G57" s="11">
        <v>765073.14</v>
      </c>
      <c r="H57" s="11">
        <v>14.75</v>
      </c>
      <c r="I57" s="11">
        <v>4423526.8600000003</v>
      </c>
    </row>
    <row r="58" spans="1:9" x14ac:dyDescent="0.25">
      <c r="A58" s="2" t="s">
        <v>109</v>
      </c>
      <c r="B58" s="4" t="s">
        <v>110</v>
      </c>
      <c r="C58" s="12">
        <v>1353400</v>
      </c>
      <c r="D58" s="12">
        <v>1353400</v>
      </c>
      <c r="E58" s="12">
        <v>0</v>
      </c>
      <c r="F58" s="12">
        <v>0</v>
      </c>
      <c r="G58" s="12">
        <v>0</v>
      </c>
      <c r="H58" s="12">
        <v>0</v>
      </c>
      <c r="I58" s="12">
        <v>1353400</v>
      </c>
    </row>
    <row r="59" spans="1:9" x14ac:dyDescent="0.25">
      <c r="A59" s="2" t="s">
        <v>111</v>
      </c>
      <c r="B59" s="4" t="s">
        <v>112</v>
      </c>
      <c r="C59" s="12">
        <v>3835200</v>
      </c>
      <c r="D59" s="12">
        <v>3835200</v>
      </c>
      <c r="E59" s="12">
        <v>6980.74</v>
      </c>
      <c r="F59" s="12">
        <v>0.18</v>
      </c>
      <c r="G59" s="12">
        <v>765073.14</v>
      </c>
      <c r="H59" s="12">
        <v>19.95</v>
      </c>
      <c r="I59" s="12">
        <v>3070126.86</v>
      </c>
    </row>
    <row r="60" spans="1:9" x14ac:dyDescent="0.25">
      <c r="A60" s="2" t="s">
        <v>113</v>
      </c>
      <c r="B60" s="4" t="s">
        <v>114</v>
      </c>
      <c r="C60" s="12">
        <v>0</v>
      </c>
      <c r="D60" s="12">
        <v>0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2" t="s">
        <v>115</v>
      </c>
      <c r="B61" s="4" t="s">
        <v>116</v>
      </c>
      <c r="C61" s="12">
        <v>5248000</v>
      </c>
      <c r="D61" s="12">
        <v>5248000</v>
      </c>
      <c r="E61" s="12">
        <v>1307004.51</v>
      </c>
      <c r="F61" s="12">
        <v>24.9</v>
      </c>
      <c r="G61" s="12">
        <v>4603175.76</v>
      </c>
      <c r="H61" s="12">
        <v>87.71</v>
      </c>
      <c r="I61" s="12">
        <v>644824.24</v>
      </c>
    </row>
    <row r="62" spans="1:9" x14ac:dyDescent="0.25">
      <c r="A62" s="3" t="s">
        <v>117</v>
      </c>
      <c r="B62" s="5" t="s">
        <v>118</v>
      </c>
      <c r="C62" s="11">
        <v>900167600</v>
      </c>
      <c r="D62" s="11">
        <v>1040116987</v>
      </c>
      <c r="E62" s="11">
        <v>78204697.090000004</v>
      </c>
      <c r="F62" s="11">
        <v>7.52</v>
      </c>
      <c r="G62" s="11">
        <v>164039665.41999999</v>
      </c>
      <c r="H62" s="11">
        <v>15.77</v>
      </c>
      <c r="I62" s="11">
        <v>876077321.58000004</v>
      </c>
    </row>
    <row r="63" spans="1:9" x14ac:dyDescent="0.25">
      <c r="A63" s="2" t="s">
        <v>119</v>
      </c>
      <c r="B63" s="4" t="s">
        <v>74</v>
      </c>
      <c r="C63" s="12">
        <v>424689100</v>
      </c>
      <c r="D63" s="12">
        <v>564638487</v>
      </c>
      <c r="E63" s="12">
        <v>78555292.969999999</v>
      </c>
      <c r="F63" s="12">
        <v>13.91</v>
      </c>
      <c r="G63" s="12">
        <v>156272384.77000001</v>
      </c>
      <c r="H63" s="12">
        <v>27.68</v>
      </c>
      <c r="I63" s="12">
        <v>408366102.23000002</v>
      </c>
    </row>
    <row r="64" spans="1:9" x14ac:dyDescent="0.25">
      <c r="A64" s="2" t="s">
        <v>120</v>
      </c>
      <c r="B64" s="4" t="s">
        <v>76</v>
      </c>
      <c r="C64" s="12">
        <v>4426900</v>
      </c>
      <c r="D64" s="12">
        <v>4426900</v>
      </c>
      <c r="E64" s="12">
        <v>-350596.13</v>
      </c>
      <c r="F64" s="12">
        <v>-7.92</v>
      </c>
      <c r="G64" s="12">
        <v>7767280.4000000004</v>
      </c>
      <c r="H64" s="12">
        <v>175.46</v>
      </c>
      <c r="I64" s="12">
        <v>-3340380.4</v>
      </c>
    </row>
    <row r="65" spans="1:9" x14ac:dyDescent="0.25">
      <c r="A65" s="2" t="s">
        <v>121</v>
      </c>
      <c r="B65" s="4" t="s">
        <v>78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22</v>
      </c>
      <c r="B66" s="4" t="s">
        <v>80</v>
      </c>
      <c r="C66" s="12">
        <v>470282200</v>
      </c>
      <c r="D66" s="12">
        <v>470282200</v>
      </c>
      <c r="E66" s="12">
        <v>0.25</v>
      </c>
      <c r="F66" s="12">
        <v>0</v>
      </c>
      <c r="G66" s="12">
        <v>0.25</v>
      </c>
      <c r="H66" s="12">
        <v>0</v>
      </c>
      <c r="I66" s="12">
        <v>470282199.75</v>
      </c>
    </row>
    <row r="67" spans="1:9" x14ac:dyDescent="0.25">
      <c r="A67" s="2" t="s">
        <v>123</v>
      </c>
      <c r="B67" s="4" t="s">
        <v>82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2" t="s">
        <v>124</v>
      </c>
      <c r="B68" s="4" t="s">
        <v>84</v>
      </c>
      <c r="C68" s="12">
        <v>247800</v>
      </c>
      <c r="D68" s="12">
        <v>247800</v>
      </c>
      <c r="E68" s="12">
        <v>0</v>
      </c>
      <c r="F68" s="12">
        <v>0</v>
      </c>
      <c r="G68" s="12">
        <v>0</v>
      </c>
      <c r="H68" s="12">
        <v>0</v>
      </c>
      <c r="I68" s="12">
        <v>247800</v>
      </c>
    </row>
    <row r="69" spans="1:9" x14ac:dyDescent="0.25">
      <c r="A69" s="2" t="s">
        <v>125</v>
      </c>
      <c r="B69" s="4" t="s">
        <v>86</v>
      </c>
      <c r="C69" s="12">
        <v>521600</v>
      </c>
      <c r="D69" s="12">
        <v>521600</v>
      </c>
      <c r="E69" s="12">
        <v>0</v>
      </c>
      <c r="F69" s="12">
        <v>0</v>
      </c>
      <c r="G69" s="12">
        <v>0</v>
      </c>
      <c r="H69" s="12">
        <v>0</v>
      </c>
      <c r="I69" s="12">
        <v>521600</v>
      </c>
    </row>
    <row r="70" spans="1:9" x14ac:dyDescent="0.25">
      <c r="A70" s="2" t="s">
        <v>126</v>
      </c>
      <c r="B70" s="4" t="s">
        <v>88</v>
      </c>
      <c r="C70" s="12">
        <v>0</v>
      </c>
      <c r="D70" s="12">
        <v>0</v>
      </c>
      <c r="E70" s="12">
        <v>0</v>
      </c>
      <c r="F70" s="12">
        <v>0</v>
      </c>
      <c r="G70" s="12">
        <v>0</v>
      </c>
      <c r="H70" s="12">
        <v>0</v>
      </c>
      <c r="I70" s="12">
        <v>0</v>
      </c>
    </row>
    <row r="71" spans="1:9" x14ac:dyDescent="0.25">
      <c r="A71" s="3" t="s">
        <v>127</v>
      </c>
      <c r="B71" s="5" t="s">
        <v>128</v>
      </c>
      <c r="C71" s="11">
        <v>624745100</v>
      </c>
      <c r="D71" s="11">
        <v>624745100</v>
      </c>
      <c r="E71" s="11">
        <v>80000</v>
      </c>
      <c r="F71" s="11">
        <v>0.01</v>
      </c>
      <c r="G71" s="11">
        <v>80000</v>
      </c>
      <c r="H71" s="11">
        <v>0.01</v>
      </c>
      <c r="I71" s="11">
        <v>624665100</v>
      </c>
    </row>
    <row r="72" spans="1:9" x14ac:dyDescent="0.25">
      <c r="A72" s="2" t="s">
        <v>129</v>
      </c>
      <c r="B72" s="4" t="s">
        <v>130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</row>
    <row r="73" spans="1:9" x14ac:dyDescent="0.25">
      <c r="A73" s="2" t="s">
        <v>131</v>
      </c>
      <c r="B73" s="4" t="s">
        <v>132</v>
      </c>
      <c r="C73" s="12">
        <v>0</v>
      </c>
      <c r="D73" s="12">
        <v>0</v>
      </c>
      <c r="E73" s="12">
        <v>0</v>
      </c>
      <c r="F73" s="12">
        <v>0</v>
      </c>
      <c r="G73" s="12">
        <v>0</v>
      </c>
      <c r="H73" s="12">
        <v>0</v>
      </c>
      <c r="I73" s="12">
        <v>0</v>
      </c>
    </row>
    <row r="74" spans="1:9" x14ac:dyDescent="0.25">
      <c r="A74" s="2" t="s">
        <v>133</v>
      </c>
      <c r="B74" s="4" t="s">
        <v>134</v>
      </c>
      <c r="C74" s="12">
        <v>0</v>
      </c>
      <c r="D74" s="12">
        <v>0</v>
      </c>
      <c r="E74" s="12">
        <v>0</v>
      </c>
      <c r="F74" s="12">
        <v>0</v>
      </c>
      <c r="G74" s="12">
        <v>0</v>
      </c>
      <c r="H74" s="12">
        <v>0</v>
      </c>
      <c r="I74" s="12">
        <v>0</v>
      </c>
    </row>
    <row r="75" spans="1:9" x14ac:dyDescent="0.25">
      <c r="A75" s="2" t="s">
        <v>135</v>
      </c>
      <c r="B75" s="4" t="s">
        <v>136</v>
      </c>
      <c r="C75" s="12">
        <v>624745100</v>
      </c>
      <c r="D75" s="12">
        <v>624745100</v>
      </c>
      <c r="E75" s="12">
        <v>80000</v>
      </c>
      <c r="F75" s="12">
        <v>0.01</v>
      </c>
      <c r="G75" s="12">
        <v>80000</v>
      </c>
      <c r="H75" s="12">
        <v>0.01</v>
      </c>
      <c r="I75" s="12">
        <v>624665100</v>
      </c>
    </row>
    <row r="76" spans="1:9" x14ac:dyDescent="0.25">
      <c r="A76" s="2" t="s">
        <v>137</v>
      </c>
      <c r="B76" s="4" t="s">
        <v>138</v>
      </c>
      <c r="C76" s="12">
        <v>1331489100</v>
      </c>
      <c r="D76" s="12">
        <v>1482054100</v>
      </c>
      <c r="E76" s="12">
        <v>413284412.04000002</v>
      </c>
      <c r="F76" s="12">
        <v>27.89</v>
      </c>
      <c r="G76" s="12">
        <v>1380513934.3499999</v>
      </c>
      <c r="H76" s="12">
        <v>93.15</v>
      </c>
      <c r="I76" s="12">
        <v>101540165.65000001</v>
      </c>
    </row>
    <row r="77" spans="1:9" x14ac:dyDescent="0.25">
      <c r="A77" s="3" t="s">
        <v>139</v>
      </c>
      <c r="B77" s="5" t="s">
        <v>140</v>
      </c>
      <c r="C77" s="11">
        <v>15800400000</v>
      </c>
      <c r="D77" s="11">
        <v>16299139051.219999</v>
      </c>
      <c r="E77" s="11">
        <v>3205639253.1799998</v>
      </c>
      <c r="F77" s="11">
        <v>19.670000000000002</v>
      </c>
      <c r="G77" s="11">
        <v>10984809375.48</v>
      </c>
      <c r="H77" s="11">
        <v>67.400000000000006</v>
      </c>
      <c r="I77" s="11">
        <v>5314329675.7399998</v>
      </c>
    </row>
    <row r="78" spans="1:9" x14ac:dyDescent="0.25">
      <c r="A78" s="3" t="s">
        <v>141</v>
      </c>
      <c r="B78" s="5" t="s">
        <v>142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</row>
    <row r="79" spans="1:9" x14ac:dyDescent="0.25">
      <c r="A79" s="3" t="s">
        <v>143</v>
      </c>
      <c r="B79" s="5" t="s">
        <v>144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</row>
    <row r="80" spans="1:9" x14ac:dyDescent="0.25">
      <c r="A80" s="2" t="s">
        <v>145</v>
      </c>
      <c r="B80" s="4" t="s">
        <v>146</v>
      </c>
      <c r="C80" s="12">
        <v>0</v>
      </c>
      <c r="D80" s="12">
        <v>0</v>
      </c>
      <c r="E80" s="12">
        <v>0</v>
      </c>
      <c r="F80" s="12">
        <v>0</v>
      </c>
      <c r="G80" s="12">
        <v>0</v>
      </c>
      <c r="H80" s="12">
        <v>0</v>
      </c>
      <c r="I80" s="12">
        <v>0</v>
      </c>
    </row>
    <row r="81" spans="1:11" x14ac:dyDescent="0.25">
      <c r="A81" s="2" t="s">
        <v>147</v>
      </c>
      <c r="B81" s="4" t="s">
        <v>148</v>
      </c>
      <c r="C81" s="12">
        <v>0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</row>
    <row r="82" spans="1:11" x14ac:dyDescent="0.25">
      <c r="A82" s="3" t="s">
        <v>149</v>
      </c>
      <c r="B82" s="5" t="s">
        <v>150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</row>
    <row r="83" spans="1:11" x14ac:dyDescent="0.25">
      <c r="A83" s="2" t="s">
        <v>151</v>
      </c>
      <c r="B83" s="4" t="s">
        <v>146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  <c r="I83" s="12">
        <v>0</v>
      </c>
    </row>
    <row r="84" spans="1:11" x14ac:dyDescent="0.25">
      <c r="A84" s="2" t="s">
        <v>152</v>
      </c>
      <c r="B84" s="4" t="s">
        <v>148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  <c r="H84" s="12">
        <v>0</v>
      </c>
      <c r="I84" s="12">
        <v>0</v>
      </c>
    </row>
    <row r="85" spans="1:11" x14ac:dyDescent="0.25">
      <c r="A85" s="3" t="s">
        <v>153</v>
      </c>
      <c r="B85" s="5" t="s">
        <v>154</v>
      </c>
      <c r="C85" s="11">
        <v>15800400000</v>
      </c>
      <c r="D85" s="11">
        <v>16299139051.219999</v>
      </c>
      <c r="E85" s="11">
        <v>3205639253.1799998</v>
      </c>
      <c r="F85" s="11">
        <v>19.670000000000002</v>
      </c>
      <c r="G85" s="11">
        <v>10984809375.48</v>
      </c>
      <c r="H85" s="11">
        <v>67.400000000000006</v>
      </c>
      <c r="I85" s="11">
        <v>5314329675.7399998</v>
      </c>
    </row>
    <row r="86" spans="1:11" x14ac:dyDescent="0.25">
      <c r="A86" s="2" t="s">
        <v>155</v>
      </c>
      <c r="B86" s="4" t="s">
        <v>156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</row>
    <row r="87" spans="1:11" x14ac:dyDescent="0.25">
      <c r="A87" s="3" t="s">
        <v>157</v>
      </c>
      <c r="B87" s="5" t="s">
        <v>158</v>
      </c>
      <c r="C87" s="11">
        <v>15800400000</v>
      </c>
      <c r="D87" s="11">
        <v>16299139051.219999</v>
      </c>
      <c r="E87" s="11">
        <v>3205639253.1799998</v>
      </c>
      <c r="F87" s="11">
        <v>19.670000000000002</v>
      </c>
      <c r="G87" s="11">
        <v>10984809375.48</v>
      </c>
      <c r="H87" s="11">
        <v>67.400000000000006</v>
      </c>
      <c r="I87" s="11">
        <v>5314329675.7399998</v>
      </c>
    </row>
    <row r="88" spans="1:11" x14ac:dyDescent="0.25">
      <c r="A88" s="3" t="s">
        <v>159</v>
      </c>
      <c r="B88" s="5" t="s">
        <v>160</v>
      </c>
      <c r="C88" s="11">
        <v>0</v>
      </c>
      <c r="D88" s="11">
        <v>256756956.19</v>
      </c>
      <c r="E88" s="11">
        <v>0</v>
      </c>
      <c r="F88" s="11">
        <v>0</v>
      </c>
      <c r="G88" s="11">
        <v>256756956.19</v>
      </c>
      <c r="H88" s="11">
        <v>100</v>
      </c>
      <c r="I88" s="11">
        <v>0</v>
      </c>
    </row>
    <row r="89" spans="1:11" x14ac:dyDescent="0.25">
      <c r="A89" s="2" t="s">
        <v>161</v>
      </c>
      <c r="B89" s="4" t="s">
        <v>162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</row>
    <row r="90" spans="1:11" x14ac:dyDescent="0.25">
      <c r="A90" s="2" t="s">
        <v>163</v>
      </c>
      <c r="B90" s="4" t="s">
        <v>164</v>
      </c>
      <c r="C90" s="12">
        <v>0</v>
      </c>
      <c r="D90" s="12">
        <v>256756956.19</v>
      </c>
      <c r="E90" s="12">
        <v>0</v>
      </c>
      <c r="F90" s="12">
        <v>0</v>
      </c>
      <c r="G90" s="12">
        <v>256756956.19</v>
      </c>
      <c r="H90" s="12">
        <v>100</v>
      </c>
      <c r="I90" s="12">
        <v>0</v>
      </c>
    </row>
    <row r="92" spans="1:11" x14ac:dyDescent="0.25">
      <c r="A92" s="10" t="s">
        <v>6</v>
      </c>
      <c r="B92" s="10" t="s">
        <v>165</v>
      </c>
      <c r="C92" s="10" t="s">
        <v>166</v>
      </c>
      <c r="D92" s="10" t="s">
        <v>167</v>
      </c>
      <c r="E92" s="10" t="s">
        <v>168</v>
      </c>
      <c r="F92" s="10" t="s">
        <v>7</v>
      </c>
      <c r="G92" s="10" t="s">
        <v>171</v>
      </c>
      <c r="H92" s="10" t="s">
        <v>172</v>
      </c>
      <c r="I92" s="10" t="s">
        <v>7</v>
      </c>
      <c r="J92" s="10" t="s">
        <v>174</v>
      </c>
      <c r="K92" s="10" t="s">
        <v>175</v>
      </c>
    </row>
    <row r="93" spans="1:11" ht="21" x14ac:dyDescent="0.25">
      <c r="A93" s="10" t="s">
        <v>7</v>
      </c>
      <c r="B93" s="10" t="s">
        <v>7</v>
      </c>
      <c r="C93" s="10" t="s">
        <v>7</v>
      </c>
      <c r="D93" s="10" t="s">
        <v>7</v>
      </c>
      <c r="E93" s="1" t="s">
        <v>169</v>
      </c>
      <c r="F93" s="1" t="s">
        <v>170</v>
      </c>
      <c r="G93" s="10" t="s">
        <v>7</v>
      </c>
      <c r="H93" s="1" t="s">
        <v>169</v>
      </c>
      <c r="I93" s="1" t="s">
        <v>173</v>
      </c>
      <c r="J93" s="10" t="s">
        <v>7</v>
      </c>
      <c r="K93" s="10" t="s">
        <v>7</v>
      </c>
    </row>
    <row r="94" spans="1:11" x14ac:dyDescent="0.25">
      <c r="A94" s="3" t="s">
        <v>176</v>
      </c>
      <c r="B94" s="5" t="s">
        <v>177</v>
      </c>
      <c r="C94" s="11">
        <v>14497115300</v>
      </c>
      <c r="D94" s="11">
        <v>14686803714.639999</v>
      </c>
      <c r="E94" s="11">
        <v>1891235960.47</v>
      </c>
      <c r="F94" s="11">
        <v>9592285704.2600002</v>
      </c>
      <c r="G94" s="11">
        <v>5094518010.3800001</v>
      </c>
      <c r="H94" s="11">
        <v>2057035253.8099999</v>
      </c>
      <c r="I94" s="11">
        <v>8414604967.8199997</v>
      </c>
      <c r="J94" s="11">
        <v>6272198746.8199997</v>
      </c>
      <c r="K94" s="11">
        <v>7943384268.7299995</v>
      </c>
    </row>
    <row r="95" spans="1:11" x14ac:dyDescent="0.25">
      <c r="A95" s="3" t="s">
        <v>178</v>
      </c>
      <c r="B95" s="5" t="s">
        <v>179</v>
      </c>
      <c r="C95" s="11">
        <v>12265981200</v>
      </c>
      <c r="D95" s="11">
        <v>12196254339.6</v>
      </c>
      <c r="E95" s="11">
        <v>1669205246.5899999</v>
      </c>
      <c r="F95" s="11">
        <v>8385223797.9399996</v>
      </c>
      <c r="G95" s="11">
        <v>3811030541.6599998</v>
      </c>
      <c r="H95" s="11">
        <v>1839710555.3599999</v>
      </c>
      <c r="I95" s="11">
        <v>7629326444.4499998</v>
      </c>
      <c r="J95" s="11">
        <v>4566927895.1499996</v>
      </c>
      <c r="K95" s="11">
        <v>7190399491.3999996</v>
      </c>
    </row>
    <row r="96" spans="1:11" x14ac:dyDescent="0.25">
      <c r="A96" s="2" t="s">
        <v>180</v>
      </c>
      <c r="B96" s="4" t="s">
        <v>181</v>
      </c>
      <c r="C96" s="12">
        <v>7543264600</v>
      </c>
      <c r="D96" s="12">
        <v>7568776534.1599998</v>
      </c>
      <c r="E96" s="12">
        <v>1174689857.79</v>
      </c>
      <c r="F96" s="12">
        <v>5946915841.6800003</v>
      </c>
      <c r="G96" s="12">
        <v>1621860692.48</v>
      </c>
      <c r="H96" s="12">
        <v>1312078015.1600001</v>
      </c>
      <c r="I96" s="12">
        <v>5594851316.5699997</v>
      </c>
      <c r="J96" s="12">
        <v>1973925217.5899999</v>
      </c>
      <c r="K96" s="12">
        <v>5235054907.6899996</v>
      </c>
    </row>
    <row r="97" spans="1:11" x14ac:dyDescent="0.25">
      <c r="A97" s="2" t="s">
        <v>182</v>
      </c>
      <c r="B97" s="4" t="s">
        <v>183</v>
      </c>
      <c r="C97" s="12">
        <v>514379700</v>
      </c>
      <c r="D97" s="12">
        <v>353408625</v>
      </c>
      <c r="E97" s="12">
        <v>1970099.49</v>
      </c>
      <c r="F97" s="12">
        <v>100762352.8</v>
      </c>
      <c r="G97" s="12">
        <v>252646272.19999999</v>
      </c>
      <c r="H97" s="12">
        <v>2148181.8199999998</v>
      </c>
      <c r="I97" s="12">
        <v>91596498.099999994</v>
      </c>
      <c r="J97" s="12">
        <v>261812126.90000001</v>
      </c>
      <c r="K97" s="12">
        <v>91596498.099999994</v>
      </c>
    </row>
    <row r="98" spans="1:11" x14ac:dyDescent="0.25">
      <c r="A98" s="3" t="s">
        <v>184</v>
      </c>
      <c r="B98" s="5" t="s">
        <v>185</v>
      </c>
      <c r="C98" s="11">
        <v>4208336900</v>
      </c>
      <c r="D98" s="11">
        <v>4274069180.4400001</v>
      </c>
      <c r="E98" s="11">
        <v>492545289.31</v>
      </c>
      <c r="F98" s="11">
        <v>2337545603.46</v>
      </c>
      <c r="G98" s="11">
        <v>1936523576.98</v>
      </c>
      <c r="H98" s="11">
        <v>525484358.38</v>
      </c>
      <c r="I98" s="11">
        <v>1942878629.78</v>
      </c>
      <c r="J98" s="11">
        <v>2331190550.6599998</v>
      </c>
      <c r="K98" s="11">
        <v>1863748085.6099999</v>
      </c>
    </row>
    <row r="99" spans="1:11" x14ac:dyDescent="0.25">
      <c r="A99" s="2" t="s">
        <v>186</v>
      </c>
      <c r="B99" s="4" t="s">
        <v>187</v>
      </c>
      <c r="C99" s="12">
        <v>168000000</v>
      </c>
      <c r="D99" s="12">
        <v>168000000</v>
      </c>
      <c r="E99" s="12">
        <v>28000000</v>
      </c>
      <c r="F99" s="12">
        <v>126000000</v>
      </c>
      <c r="G99" s="12">
        <v>42000000</v>
      </c>
      <c r="H99" s="12">
        <v>28000000</v>
      </c>
      <c r="I99" s="12">
        <v>126000000</v>
      </c>
      <c r="J99" s="12">
        <v>42000000</v>
      </c>
      <c r="K99" s="12">
        <v>112000000</v>
      </c>
    </row>
    <row r="100" spans="1:11" x14ac:dyDescent="0.25">
      <c r="A100" s="2" t="s">
        <v>188</v>
      </c>
      <c r="B100" s="4" t="s">
        <v>189</v>
      </c>
      <c r="C100" s="12">
        <v>4040336900</v>
      </c>
      <c r="D100" s="12">
        <v>4106069180.4400001</v>
      </c>
      <c r="E100" s="12">
        <v>464545289.31</v>
      </c>
      <c r="F100" s="12">
        <v>2211545603.46</v>
      </c>
      <c r="G100" s="12">
        <v>1894523576.98</v>
      </c>
      <c r="H100" s="12">
        <v>497484358.38</v>
      </c>
      <c r="I100" s="12">
        <v>1816878629.78</v>
      </c>
      <c r="J100" s="12">
        <v>2289190550.6599998</v>
      </c>
      <c r="K100" s="12">
        <v>1751748085.6099999</v>
      </c>
    </row>
    <row r="101" spans="1:11" x14ac:dyDescent="0.25">
      <c r="A101" s="3" t="s">
        <v>190</v>
      </c>
      <c r="B101" s="5" t="s">
        <v>191</v>
      </c>
      <c r="C101" s="11">
        <v>2103134100</v>
      </c>
      <c r="D101" s="11">
        <v>2489345976.04</v>
      </c>
      <c r="E101" s="11">
        <v>222030713.88</v>
      </c>
      <c r="F101" s="11">
        <v>1207061906.3199999</v>
      </c>
      <c r="G101" s="11">
        <v>1282284069.72</v>
      </c>
      <c r="H101" s="11">
        <v>217324698.44999999</v>
      </c>
      <c r="I101" s="11">
        <v>785278523.37</v>
      </c>
      <c r="J101" s="11">
        <v>1704067452.6700001</v>
      </c>
      <c r="K101" s="11">
        <v>752984777.33000004</v>
      </c>
    </row>
    <row r="102" spans="1:11" x14ac:dyDescent="0.25">
      <c r="A102" s="2" t="s">
        <v>192</v>
      </c>
      <c r="B102" s="4" t="s">
        <v>193</v>
      </c>
      <c r="C102" s="12">
        <v>1699782900</v>
      </c>
      <c r="D102" s="12">
        <v>2128985590.04</v>
      </c>
      <c r="E102" s="12">
        <v>218926466.81</v>
      </c>
      <c r="F102" s="12">
        <v>1114011957.3699999</v>
      </c>
      <c r="G102" s="12">
        <v>1014973632.67</v>
      </c>
      <c r="H102" s="12">
        <v>215030398.83000001</v>
      </c>
      <c r="I102" s="12">
        <v>704874145.34000003</v>
      </c>
      <c r="J102" s="12">
        <v>1424111444.7</v>
      </c>
      <c r="K102" s="12">
        <v>672580399.29999995</v>
      </c>
    </row>
    <row r="103" spans="1:11" x14ac:dyDescent="0.25">
      <c r="A103" s="2" t="s">
        <v>194</v>
      </c>
      <c r="B103" s="4" t="s">
        <v>195</v>
      </c>
      <c r="C103" s="12">
        <v>2053100</v>
      </c>
      <c r="D103" s="12">
        <v>8162286</v>
      </c>
      <c r="E103" s="12">
        <v>991190.29</v>
      </c>
      <c r="F103" s="12">
        <v>7907892.6399999997</v>
      </c>
      <c r="G103" s="12">
        <v>254393.36</v>
      </c>
      <c r="H103" s="12">
        <v>0</v>
      </c>
      <c r="I103" s="12">
        <v>3758801.55</v>
      </c>
      <c r="J103" s="12">
        <v>4403484.45</v>
      </c>
      <c r="K103" s="12">
        <v>3758801.55</v>
      </c>
    </row>
    <row r="104" spans="1:11" x14ac:dyDescent="0.25">
      <c r="A104" s="2" t="s">
        <v>196</v>
      </c>
      <c r="B104" s="4" t="s">
        <v>197</v>
      </c>
      <c r="C104" s="12">
        <v>401298100</v>
      </c>
      <c r="D104" s="12">
        <v>352198100</v>
      </c>
      <c r="E104" s="12">
        <v>2113056.7799999998</v>
      </c>
      <c r="F104" s="12">
        <v>85142056.310000002</v>
      </c>
      <c r="G104" s="12">
        <v>267056043.69</v>
      </c>
      <c r="H104" s="12">
        <v>2294299.62</v>
      </c>
      <c r="I104" s="12">
        <v>76645576.480000004</v>
      </c>
      <c r="J104" s="12">
        <v>275552523.51999998</v>
      </c>
      <c r="K104" s="12">
        <v>76645576.480000004</v>
      </c>
    </row>
    <row r="105" spans="1:11" x14ac:dyDescent="0.25">
      <c r="A105" s="2" t="s">
        <v>198</v>
      </c>
      <c r="B105" s="4" t="s">
        <v>199</v>
      </c>
      <c r="C105" s="12">
        <v>128000000</v>
      </c>
      <c r="D105" s="12">
        <v>1203399</v>
      </c>
      <c r="E105" s="12">
        <v>0</v>
      </c>
      <c r="F105" s="12">
        <v>0</v>
      </c>
      <c r="G105" s="12">
        <v>1203399</v>
      </c>
      <c r="H105" s="12">
        <v>0</v>
      </c>
      <c r="I105" s="12">
        <v>0</v>
      </c>
      <c r="J105" s="12">
        <v>1203399</v>
      </c>
      <c r="K105" s="12">
        <v>0</v>
      </c>
    </row>
    <row r="106" spans="1:11" x14ac:dyDescent="0.25">
      <c r="A106" s="2" t="s">
        <v>200</v>
      </c>
      <c r="B106" s="4" t="s">
        <v>201</v>
      </c>
      <c r="C106" s="12">
        <v>1303284700</v>
      </c>
      <c r="D106" s="12">
        <v>1869092292.77</v>
      </c>
      <c r="E106" s="12">
        <v>277802379.05000001</v>
      </c>
      <c r="F106" s="12">
        <v>1357231791.1300001</v>
      </c>
      <c r="G106" s="12">
        <v>511860501.63999999</v>
      </c>
      <c r="H106" s="12">
        <v>302489724.97000003</v>
      </c>
      <c r="I106" s="12">
        <v>1302441056.9200001</v>
      </c>
      <c r="J106" s="12">
        <v>566651235.85000002</v>
      </c>
      <c r="K106" s="12">
        <v>1227232362.8</v>
      </c>
    </row>
    <row r="107" spans="1:11" x14ac:dyDescent="0.25">
      <c r="A107" s="3" t="s">
        <v>202</v>
      </c>
      <c r="B107" s="5" t="s">
        <v>203</v>
      </c>
      <c r="C107" s="11">
        <v>15800400000</v>
      </c>
      <c r="D107" s="11">
        <v>16555896007.41</v>
      </c>
      <c r="E107" s="11">
        <v>2169038339.52</v>
      </c>
      <c r="F107" s="11">
        <v>10949517495.389999</v>
      </c>
      <c r="G107" s="11">
        <v>5606378512.0200005</v>
      </c>
      <c r="H107" s="11">
        <v>2359524978.7800002</v>
      </c>
      <c r="I107" s="11">
        <v>9717046024.7399998</v>
      </c>
      <c r="J107" s="11">
        <v>6838849982.6700001</v>
      </c>
      <c r="K107" s="11">
        <v>9170616631.5300007</v>
      </c>
    </row>
    <row r="108" spans="1:11" x14ac:dyDescent="0.25">
      <c r="A108" s="3" t="s">
        <v>204</v>
      </c>
      <c r="B108" s="5" t="s">
        <v>205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</row>
    <row r="109" spans="1:11" x14ac:dyDescent="0.25">
      <c r="A109" s="3" t="s">
        <v>206</v>
      </c>
      <c r="B109" s="5" t="s">
        <v>207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</row>
    <row r="110" spans="1:11" x14ac:dyDescent="0.25">
      <c r="A110" s="2" t="s">
        <v>208</v>
      </c>
      <c r="B110" s="4" t="s">
        <v>209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  <c r="I110" s="12">
        <v>0</v>
      </c>
      <c r="J110" s="12">
        <v>0</v>
      </c>
      <c r="K110" s="12">
        <v>0</v>
      </c>
    </row>
    <row r="111" spans="1:11" x14ac:dyDescent="0.25">
      <c r="A111" s="2" t="s">
        <v>210</v>
      </c>
      <c r="B111" s="4" t="s">
        <v>211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  <c r="H111" s="12">
        <v>0</v>
      </c>
      <c r="I111" s="12">
        <v>0</v>
      </c>
      <c r="J111" s="12">
        <v>0</v>
      </c>
      <c r="K111" s="12">
        <v>0</v>
      </c>
    </row>
    <row r="112" spans="1:11" x14ac:dyDescent="0.25">
      <c r="A112" s="3" t="s">
        <v>212</v>
      </c>
      <c r="B112" s="5" t="s">
        <v>213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</row>
    <row r="113" spans="1:11" x14ac:dyDescent="0.25">
      <c r="A113" s="2" t="s">
        <v>214</v>
      </c>
      <c r="B113" s="4" t="s">
        <v>209</v>
      </c>
      <c r="C113" s="12">
        <v>0</v>
      </c>
      <c r="D113" s="12">
        <v>0</v>
      </c>
      <c r="E113" s="12">
        <v>0</v>
      </c>
      <c r="F113" s="12">
        <v>0</v>
      </c>
      <c r="G113" s="12">
        <v>0</v>
      </c>
      <c r="H113" s="12">
        <v>0</v>
      </c>
      <c r="I113" s="12">
        <v>0</v>
      </c>
      <c r="J113" s="12">
        <v>0</v>
      </c>
      <c r="K113" s="12">
        <v>0</v>
      </c>
    </row>
    <row r="114" spans="1:11" x14ac:dyDescent="0.25">
      <c r="A114" s="2" t="s">
        <v>215</v>
      </c>
      <c r="B114" s="4" t="s">
        <v>211</v>
      </c>
      <c r="C114" s="12">
        <v>0</v>
      </c>
      <c r="D114" s="12">
        <v>0</v>
      </c>
      <c r="E114" s="12">
        <v>0</v>
      </c>
      <c r="F114" s="12">
        <v>0</v>
      </c>
      <c r="G114" s="12">
        <v>0</v>
      </c>
      <c r="H114" s="12">
        <v>0</v>
      </c>
      <c r="I114" s="12">
        <v>0</v>
      </c>
      <c r="J114" s="12">
        <v>0</v>
      </c>
      <c r="K114" s="12">
        <v>0</v>
      </c>
    </row>
    <row r="115" spans="1:11" x14ac:dyDescent="0.25">
      <c r="A115" s="3" t="s">
        <v>216</v>
      </c>
      <c r="B115" s="5" t="s">
        <v>217</v>
      </c>
      <c r="C115" s="11">
        <v>15800400000</v>
      </c>
      <c r="D115" s="11">
        <v>16555896007.41</v>
      </c>
      <c r="E115" s="11">
        <v>2169038339.52</v>
      </c>
      <c r="F115" s="11">
        <v>10949517495.389999</v>
      </c>
      <c r="G115" s="11">
        <v>5606378512.0200005</v>
      </c>
      <c r="H115" s="11">
        <v>2359524978.7800002</v>
      </c>
      <c r="I115" s="11">
        <v>9717046024.7399998</v>
      </c>
      <c r="J115" s="11">
        <v>6838849982.6700001</v>
      </c>
      <c r="K115" s="11">
        <v>9170616631.5300007</v>
      </c>
    </row>
    <row r="116" spans="1:11" x14ac:dyDescent="0.25">
      <c r="A116" s="2" t="s">
        <v>218</v>
      </c>
      <c r="B116" s="4" t="s">
        <v>219</v>
      </c>
      <c r="C116" s="12">
        <v>0</v>
      </c>
      <c r="D116" s="12">
        <v>0</v>
      </c>
      <c r="E116" s="12">
        <v>0</v>
      </c>
      <c r="F116" s="12">
        <v>35291880.090000004</v>
      </c>
      <c r="G116" s="12">
        <v>0</v>
      </c>
      <c r="H116" s="12">
        <v>0</v>
      </c>
      <c r="I116" s="12">
        <v>1267763350.74</v>
      </c>
      <c r="J116" s="12">
        <v>0</v>
      </c>
      <c r="K116" s="12">
        <v>1814192743.95</v>
      </c>
    </row>
    <row r="117" spans="1:11" x14ac:dyDescent="0.25">
      <c r="A117" s="3" t="s">
        <v>220</v>
      </c>
      <c r="B117" s="5" t="s">
        <v>221</v>
      </c>
      <c r="C117" s="11">
        <v>15800400000</v>
      </c>
      <c r="D117" s="11">
        <v>16555896007.41</v>
      </c>
      <c r="E117" s="11">
        <v>2169038339.52</v>
      </c>
      <c r="F117" s="11">
        <v>10984809375.48</v>
      </c>
      <c r="G117" s="11">
        <v>5606378512.0200005</v>
      </c>
      <c r="H117" s="11">
        <v>2359524978.7800002</v>
      </c>
      <c r="I117" s="11">
        <v>10984809375.48</v>
      </c>
      <c r="J117" s="11">
        <v>6838849982.6700001</v>
      </c>
      <c r="K117" s="11">
        <v>10984809375.48</v>
      </c>
    </row>
    <row r="118" spans="1:11" x14ac:dyDescent="0.25">
      <c r="A118" s="2" t="s">
        <v>222</v>
      </c>
      <c r="B118" s="4" t="s">
        <v>223</v>
      </c>
      <c r="C118" s="12">
        <v>0</v>
      </c>
      <c r="D118" s="12">
        <v>0</v>
      </c>
      <c r="E118" s="12">
        <v>0</v>
      </c>
      <c r="F118" s="12">
        <v>0</v>
      </c>
      <c r="G118" s="12">
        <v>0</v>
      </c>
      <c r="H118" s="12">
        <v>0</v>
      </c>
      <c r="I118" s="12">
        <v>0</v>
      </c>
      <c r="J118" s="12">
        <v>0</v>
      </c>
      <c r="K118" s="12">
        <v>0</v>
      </c>
    </row>
    <row r="120" spans="1:11" x14ac:dyDescent="0.25">
      <c r="A120" s="10" t="s">
        <v>6</v>
      </c>
      <c r="B120" s="10" t="s">
        <v>224</v>
      </c>
      <c r="C120" s="10" t="s">
        <v>9</v>
      </c>
      <c r="D120" s="10" t="s">
        <v>10</v>
      </c>
      <c r="E120" s="10" t="s">
        <v>11</v>
      </c>
      <c r="F120" s="10" t="s">
        <v>7</v>
      </c>
      <c r="G120" s="10" t="s">
        <v>7</v>
      </c>
      <c r="H120" s="10" t="s">
        <v>7</v>
      </c>
      <c r="I120" s="10" t="s">
        <v>16</v>
      </c>
    </row>
    <row r="121" spans="1:11" ht="21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0" t="s">
        <v>7</v>
      </c>
    </row>
    <row r="122" spans="1:11" x14ac:dyDescent="0.25">
      <c r="A122" s="3" t="s">
        <v>225</v>
      </c>
      <c r="B122" s="5" t="s">
        <v>226</v>
      </c>
      <c r="C122" s="11">
        <v>1331489100</v>
      </c>
      <c r="D122" s="11">
        <v>1482054100</v>
      </c>
      <c r="E122" s="11">
        <v>413284412.04000002</v>
      </c>
      <c r="F122" s="11">
        <v>27.89</v>
      </c>
      <c r="G122" s="11">
        <v>1380513934.3499999</v>
      </c>
      <c r="H122" s="11">
        <v>93.15</v>
      </c>
      <c r="I122" s="11">
        <v>101540165.65000001</v>
      </c>
    </row>
    <row r="123" spans="1:11" x14ac:dyDescent="0.25">
      <c r="A123" s="3" t="s">
        <v>227</v>
      </c>
      <c r="B123" s="5" t="s">
        <v>228</v>
      </c>
      <c r="C123" s="11">
        <v>1331489100</v>
      </c>
      <c r="D123" s="11">
        <v>1482054100</v>
      </c>
      <c r="E123" s="11">
        <v>413284412.04000002</v>
      </c>
      <c r="F123" s="11">
        <v>27.89</v>
      </c>
      <c r="G123" s="11">
        <v>1380513934.3499999</v>
      </c>
      <c r="H123" s="11">
        <v>93.15</v>
      </c>
      <c r="I123" s="11">
        <v>101540165.65000001</v>
      </c>
    </row>
    <row r="124" spans="1:11" x14ac:dyDescent="0.25">
      <c r="A124" s="3" t="s">
        <v>229</v>
      </c>
      <c r="B124" s="5" t="s">
        <v>230</v>
      </c>
      <c r="C124" s="11">
        <v>0</v>
      </c>
      <c r="D124" s="11">
        <v>0</v>
      </c>
      <c r="E124" s="11">
        <v>0</v>
      </c>
      <c r="F124" s="11">
        <v>0</v>
      </c>
      <c r="G124" s="11">
        <v>0</v>
      </c>
      <c r="H124" s="11">
        <v>0</v>
      </c>
      <c r="I124" s="11">
        <v>0</v>
      </c>
    </row>
    <row r="125" spans="1:11" x14ac:dyDescent="0.25">
      <c r="A125" s="2" t="s">
        <v>231</v>
      </c>
      <c r="B125" s="4" t="s">
        <v>232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  <c r="I125" s="12">
        <v>0</v>
      </c>
    </row>
    <row r="126" spans="1:11" x14ac:dyDescent="0.25">
      <c r="A126" s="2" t="s">
        <v>233</v>
      </c>
      <c r="B126" s="4" t="s">
        <v>234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  <c r="I126" s="12">
        <v>0</v>
      </c>
    </row>
    <row r="127" spans="1:11" x14ac:dyDescent="0.25">
      <c r="A127" s="2" t="s">
        <v>235</v>
      </c>
      <c r="B127" s="4" t="s">
        <v>236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</row>
    <row r="128" spans="1:11" x14ac:dyDescent="0.25">
      <c r="A128" s="3" t="s">
        <v>237</v>
      </c>
      <c r="B128" s="5" t="s">
        <v>238</v>
      </c>
      <c r="C128" s="11">
        <v>875448800</v>
      </c>
      <c r="D128" s="11">
        <v>1026013800</v>
      </c>
      <c r="E128" s="11">
        <v>411039977.14999998</v>
      </c>
      <c r="F128" s="11">
        <v>40.06</v>
      </c>
      <c r="G128" s="11">
        <v>1364822772.75</v>
      </c>
      <c r="H128" s="11">
        <v>133.02000000000001</v>
      </c>
      <c r="I128" s="11">
        <v>-338808972.75</v>
      </c>
    </row>
    <row r="129" spans="1:9" x14ac:dyDescent="0.25">
      <c r="A129" s="2" t="s">
        <v>239</v>
      </c>
      <c r="B129" s="4" t="s">
        <v>240</v>
      </c>
      <c r="C129" s="12">
        <v>875448800</v>
      </c>
      <c r="D129" s="12">
        <v>1026013800</v>
      </c>
      <c r="E129" s="12">
        <v>411039977.14999998</v>
      </c>
      <c r="F129" s="12">
        <v>40.06</v>
      </c>
      <c r="G129" s="12">
        <v>1364822772.75</v>
      </c>
      <c r="H129" s="12">
        <v>133.02000000000001</v>
      </c>
      <c r="I129" s="12">
        <v>-338808972.75</v>
      </c>
    </row>
    <row r="130" spans="1:9" x14ac:dyDescent="0.25">
      <c r="A130" s="2" t="s">
        <v>241</v>
      </c>
      <c r="B130" s="4" t="s">
        <v>242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  <c r="I130" s="12">
        <v>0</v>
      </c>
    </row>
    <row r="131" spans="1:9" x14ac:dyDescent="0.25">
      <c r="A131" s="2" t="s">
        <v>243</v>
      </c>
      <c r="B131" s="4" t="s">
        <v>244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  <c r="I131" s="12">
        <v>0</v>
      </c>
    </row>
    <row r="132" spans="1:9" x14ac:dyDescent="0.25">
      <c r="A132" s="2" t="s">
        <v>245</v>
      </c>
      <c r="B132" s="4" t="s">
        <v>246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</row>
    <row r="133" spans="1:9" x14ac:dyDescent="0.25">
      <c r="A133" s="3" t="s">
        <v>247</v>
      </c>
      <c r="B133" s="5" t="s">
        <v>248</v>
      </c>
      <c r="C133" s="11">
        <v>28204400</v>
      </c>
      <c r="D133" s="11">
        <v>28204400</v>
      </c>
      <c r="E133" s="11">
        <v>2244434.89</v>
      </c>
      <c r="F133" s="11">
        <v>7.96</v>
      </c>
      <c r="G133" s="11">
        <v>15691161.6</v>
      </c>
      <c r="H133" s="11">
        <v>55.63</v>
      </c>
      <c r="I133" s="11">
        <v>12513238.4</v>
      </c>
    </row>
    <row r="134" spans="1:9" x14ac:dyDescent="0.25">
      <c r="A134" s="2" t="s">
        <v>249</v>
      </c>
      <c r="B134" s="4" t="s">
        <v>250</v>
      </c>
      <c r="C134" s="12">
        <v>0</v>
      </c>
      <c r="D134" s="12">
        <v>0</v>
      </c>
      <c r="E134" s="12">
        <v>0</v>
      </c>
      <c r="F134" s="12">
        <v>0</v>
      </c>
      <c r="G134" s="12">
        <v>76132</v>
      </c>
      <c r="H134" s="12">
        <v>0</v>
      </c>
      <c r="I134" s="12">
        <v>-76132</v>
      </c>
    </row>
    <row r="135" spans="1:9" x14ac:dyDescent="0.25">
      <c r="A135" s="2" t="s">
        <v>251</v>
      </c>
      <c r="B135" s="4" t="s">
        <v>252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</row>
    <row r="136" spans="1:9" x14ac:dyDescent="0.25">
      <c r="A136" s="2" t="s">
        <v>253</v>
      </c>
      <c r="B136" s="4" t="s">
        <v>254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55</v>
      </c>
      <c r="B137" s="4" t="s">
        <v>256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</row>
    <row r="138" spans="1:9" x14ac:dyDescent="0.25">
      <c r="A138" s="2" t="s">
        <v>257</v>
      </c>
      <c r="B138" s="4" t="s">
        <v>258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</row>
    <row r="139" spans="1:9" x14ac:dyDescent="0.25">
      <c r="A139" s="2" t="s">
        <v>259</v>
      </c>
      <c r="B139" s="4" t="s">
        <v>260</v>
      </c>
      <c r="C139" s="12">
        <v>28204400</v>
      </c>
      <c r="D139" s="12">
        <v>28204400</v>
      </c>
      <c r="E139" s="12">
        <v>2244434.89</v>
      </c>
      <c r="F139" s="12">
        <v>7.96</v>
      </c>
      <c r="G139" s="12">
        <v>15615029.6</v>
      </c>
      <c r="H139" s="12">
        <v>55.36</v>
      </c>
      <c r="I139" s="12">
        <v>12589370.4</v>
      </c>
    </row>
    <row r="140" spans="1:9" x14ac:dyDescent="0.25">
      <c r="A140" s="2" t="s">
        <v>261</v>
      </c>
      <c r="B140" s="4" t="s">
        <v>262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</row>
    <row r="141" spans="1:9" x14ac:dyDescent="0.25">
      <c r="A141" s="2" t="s">
        <v>263</v>
      </c>
      <c r="B141" s="4" t="s">
        <v>264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</row>
    <row r="142" spans="1:9" x14ac:dyDescent="0.25">
      <c r="A142" s="2" t="s">
        <v>265</v>
      </c>
      <c r="B142" s="4" t="s">
        <v>266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  <c r="I142" s="12">
        <v>0</v>
      </c>
    </row>
    <row r="143" spans="1:9" x14ac:dyDescent="0.25">
      <c r="A143" s="3" t="s">
        <v>267</v>
      </c>
      <c r="B143" s="5" t="s">
        <v>268</v>
      </c>
      <c r="C143" s="11">
        <v>0</v>
      </c>
      <c r="D143" s="11">
        <v>0</v>
      </c>
      <c r="E143" s="11">
        <v>0</v>
      </c>
      <c r="F143" s="11">
        <v>0</v>
      </c>
      <c r="G143" s="11">
        <v>0</v>
      </c>
      <c r="H143" s="11">
        <v>0</v>
      </c>
      <c r="I143" s="11">
        <v>0</v>
      </c>
    </row>
    <row r="144" spans="1:9" x14ac:dyDescent="0.25">
      <c r="A144" s="2" t="s">
        <v>269</v>
      </c>
      <c r="B144" s="4" t="s">
        <v>270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  <c r="H144" s="12">
        <v>0</v>
      </c>
      <c r="I144" s="12">
        <v>0</v>
      </c>
    </row>
    <row r="145" spans="1:9" x14ac:dyDescent="0.25">
      <c r="A145" s="2" t="s">
        <v>271</v>
      </c>
      <c r="B145" s="4" t="s">
        <v>272</v>
      </c>
      <c r="C145" s="12">
        <v>0</v>
      </c>
      <c r="D145" s="12">
        <v>0</v>
      </c>
      <c r="E145" s="12">
        <v>0</v>
      </c>
      <c r="F145" s="12">
        <v>0</v>
      </c>
      <c r="G145" s="12">
        <v>0</v>
      </c>
      <c r="H145" s="12">
        <v>0</v>
      </c>
      <c r="I145" s="12">
        <v>0</v>
      </c>
    </row>
    <row r="146" spans="1:9" x14ac:dyDescent="0.25">
      <c r="A146" s="2" t="s">
        <v>273</v>
      </c>
      <c r="B146" s="4" t="s">
        <v>274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</row>
    <row r="147" spans="1:9" x14ac:dyDescent="0.25">
      <c r="A147" s="2" t="s">
        <v>275</v>
      </c>
      <c r="B147" s="4" t="s">
        <v>276</v>
      </c>
      <c r="C147" s="12">
        <v>0</v>
      </c>
      <c r="D147" s="12">
        <v>0</v>
      </c>
      <c r="E147" s="12">
        <v>0</v>
      </c>
      <c r="F147" s="12">
        <v>0</v>
      </c>
      <c r="G147" s="12">
        <v>0</v>
      </c>
      <c r="H147" s="12">
        <v>0</v>
      </c>
      <c r="I147" s="12">
        <v>0</v>
      </c>
    </row>
    <row r="148" spans="1:9" x14ac:dyDescent="0.25">
      <c r="A148" s="2" t="s">
        <v>277</v>
      </c>
      <c r="B148" s="4" t="s">
        <v>278</v>
      </c>
      <c r="C148" s="12">
        <v>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</row>
    <row r="149" spans="1:9" x14ac:dyDescent="0.25">
      <c r="A149" s="3" t="s">
        <v>279</v>
      </c>
      <c r="B149" s="5" t="s">
        <v>280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</row>
    <row r="150" spans="1:9" x14ac:dyDescent="0.25">
      <c r="A150" s="2" t="s">
        <v>281</v>
      </c>
      <c r="B150" s="4" t="s">
        <v>282</v>
      </c>
      <c r="C150" s="12">
        <v>0</v>
      </c>
      <c r="D150" s="12">
        <v>0</v>
      </c>
      <c r="E150" s="12">
        <v>0</v>
      </c>
      <c r="F150" s="12">
        <v>0</v>
      </c>
      <c r="G150" s="12">
        <v>0</v>
      </c>
      <c r="H150" s="12">
        <v>0</v>
      </c>
      <c r="I150" s="12">
        <v>0</v>
      </c>
    </row>
    <row r="151" spans="1:9" x14ac:dyDescent="0.25">
      <c r="A151" s="2" t="s">
        <v>283</v>
      </c>
      <c r="B151" s="4" t="s">
        <v>284</v>
      </c>
      <c r="C151" s="12">
        <v>0</v>
      </c>
      <c r="D151" s="12">
        <v>0</v>
      </c>
      <c r="E151" s="12">
        <v>0</v>
      </c>
      <c r="F151" s="12">
        <v>0</v>
      </c>
      <c r="G151" s="12">
        <v>0</v>
      </c>
      <c r="H151" s="12">
        <v>0</v>
      </c>
      <c r="I151" s="12">
        <v>0</v>
      </c>
    </row>
    <row r="152" spans="1:9" x14ac:dyDescent="0.25">
      <c r="A152" s="2" t="s">
        <v>285</v>
      </c>
      <c r="B152" s="4" t="s">
        <v>286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  <c r="I152" s="12">
        <v>0</v>
      </c>
    </row>
    <row r="153" spans="1:9" x14ac:dyDescent="0.25">
      <c r="A153" s="2" t="s">
        <v>287</v>
      </c>
      <c r="B153" s="4" t="s">
        <v>288</v>
      </c>
      <c r="C153" s="12">
        <v>0</v>
      </c>
      <c r="D153" s="12">
        <v>0</v>
      </c>
      <c r="E153" s="12">
        <v>0</v>
      </c>
      <c r="F153" s="12">
        <v>0</v>
      </c>
      <c r="G153" s="12">
        <v>0</v>
      </c>
      <c r="H153" s="12">
        <v>0</v>
      </c>
      <c r="I153" s="12">
        <v>0</v>
      </c>
    </row>
    <row r="154" spans="1:9" x14ac:dyDescent="0.25">
      <c r="A154" s="2" t="s">
        <v>289</v>
      </c>
      <c r="B154" s="4" t="s">
        <v>290</v>
      </c>
      <c r="C154" s="12">
        <v>0</v>
      </c>
      <c r="D154" s="12">
        <v>0</v>
      </c>
      <c r="E154" s="12">
        <v>0</v>
      </c>
      <c r="F154" s="12">
        <v>0</v>
      </c>
      <c r="G154" s="12">
        <v>0</v>
      </c>
      <c r="H154" s="12">
        <v>0</v>
      </c>
      <c r="I154" s="12">
        <v>0</v>
      </c>
    </row>
    <row r="155" spans="1:9" x14ac:dyDescent="0.25">
      <c r="A155" s="2" t="s">
        <v>291</v>
      </c>
      <c r="B155" s="4" t="s">
        <v>292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  <c r="I155" s="12">
        <v>0</v>
      </c>
    </row>
    <row r="156" spans="1:9" x14ac:dyDescent="0.25">
      <c r="A156" s="2" t="s">
        <v>293</v>
      </c>
      <c r="B156" s="4" t="s">
        <v>294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  <c r="H156" s="12">
        <v>0</v>
      </c>
      <c r="I156" s="12">
        <v>0</v>
      </c>
    </row>
    <row r="157" spans="1:9" x14ac:dyDescent="0.25">
      <c r="A157" s="2" t="s">
        <v>295</v>
      </c>
      <c r="B157" s="4" t="s">
        <v>296</v>
      </c>
      <c r="C157" s="12">
        <v>0</v>
      </c>
      <c r="D157" s="12">
        <v>0</v>
      </c>
      <c r="E157" s="12">
        <v>0</v>
      </c>
      <c r="F157" s="12">
        <v>0</v>
      </c>
      <c r="G157" s="12">
        <v>0</v>
      </c>
      <c r="H157" s="12">
        <v>0</v>
      </c>
      <c r="I157" s="12">
        <v>0</v>
      </c>
    </row>
    <row r="158" spans="1:9" x14ac:dyDescent="0.25">
      <c r="A158" s="3" t="s">
        <v>297</v>
      </c>
      <c r="B158" s="5" t="s">
        <v>298</v>
      </c>
      <c r="C158" s="11">
        <v>427835900</v>
      </c>
      <c r="D158" s="11">
        <v>427835900</v>
      </c>
      <c r="E158" s="11">
        <v>0</v>
      </c>
      <c r="F158" s="11">
        <v>0</v>
      </c>
      <c r="G158" s="11">
        <v>0</v>
      </c>
      <c r="H158" s="11">
        <v>0</v>
      </c>
      <c r="I158" s="11">
        <v>427835900</v>
      </c>
    </row>
    <row r="159" spans="1:9" x14ac:dyDescent="0.25">
      <c r="A159" s="2" t="s">
        <v>299</v>
      </c>
      <c r="B159" s="4" t="s">
        <v>300</v>
      </c>
      <c r="C159" s="12">
        <v>0</v>
      </c>
      <c r="D159" s="12">
        <v>0</v>
      </c>
      <c r="E159" s="12">
        <v>0</v>
      </c>
      <c r="F159" s="12">
        <v>0</v>
      </c>
      <c r="G159" s="12">
        <v>0</v>
      </c>
      <c r="H159" s="12">
        <v>0</v>
      </c>
      <c r="I159" s="12">
        <v>0</v>
      </c>
    </row>
    <row r="160" spans="1:9" x14ac:dyDescent="0.25">
      <c r="A160" s="2" t="s">
        <v>301</v>
      </c>
      <c r="B160" s="4" t="s">
        <v>302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  <c r="H160" s="12">
        <v>0</v>
      </c>
      <c r="I160" s="12">
        <v>0</v>
      </c>
    </row>
    <row r="161" spans="1:9" x14ac:dyDescent="0.25">
      <c r="A161" s="2" t="s">
        <v>303</v>
      </c>
      <c r="B161" s="4" t="s">
        <v>304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  <c r="I161" s="12">
        <v>0</v>
      </c>
    </row>
    <row r="162" spans="1:9" x14ac:dyDescent="0.25">
      <c r="A162" s="2" t="s">
        <v>305</v>
      </c>
      <c r="B162" s="4" t="s">
        <v>306</v>
      </c>
      <c r="C162" s="12">
        <v>427835900</v>
      </c>
      <c r="D162" s="12">
        <v>427835900</v>
      </c>
      <c r="E162" s="12">
        <v>0</v>
      </c>
      <c r="F162" s="12">
        <v>0</v>
      </c>
      <c r="G162" s="12">
        <v>0</v>
      </c>
      <c r="H162" s="12">
        <v>0</v>
      </c>
      <c r="I162" s="12">
        <v>427835900</v>
      </c>
    </row>
    <row r="163" spans="1:9" x14ac:dyDescent="0.25">
      <c r="A163" s="3" t="s">
        <v>307</v>
      </c>
      <c r="B163" s="5" t="s">
        <v>308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</row>
    <row r="164" spans="1:9" x14ac:dyDescent="0.25">
      <c r="A164" s="3" t="s">
        <v>309</v>
      </c>
      <c r="B164" s="5" t="s">
        <v>310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</row>
    <row r="165" spans="1:9" x14ac:dyDescent="0.25">
      <c r="A165" s="2" t="s">
        <v>311</v>
      </c>
      <c r="B165" s="4" t="s">
        <v>312</v>
      </c>
      <c r="C165" s="12">
        <v>0</v>
      </c>
      <c r="D165" s="12">
        <v>0</v>
      </c>
      <c r="E165" s="12">
        <v>0</v>
      </c>
      <c r="F165" s="12">
        <v>0</v>
      </c>
      <c r="G165" s="12">
        <v>0</v>
      </c>
      <c r="H165" s="12">
        <v>0</v>
      </c>
      <c r="I165" s="12">
        <v>0</v>
      </c>
    </row>
    <row r="166" spans="1:9" x14ac:dyDescent="0.25">
      <c r="A166" s="2" t="s">
        <v>313</v>
      </c>
      <c r="B166" s="4" t="s">
        <v>314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</row>
    <row r="167" spans="1:9" x14ac:dyDescent="0.25">
      <c r="A167" s="3" t="s">
        <v>315</v>
      </c>
      <c r="B167" s="5" t="s">
        <v>316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</row>
    <row r="168" spans="1:9" x14ac:dyDescent="0.25">
      <c r="A168" s="2" t="s">
        <v>317</v>
      </c>
      <c r="B168" s="4" t="s">
        <v>318</v>
      </c>
      <c r="C168" s="12">
        <v>0</v>
      </c>
      <c r="D168" s="12">
        <v>0</v>
      </c>
      <c r="E168" s="12">
        <v>0</v>
      </c>
      <c r="F168" s="12">
        <v>0</v>
      </c>
      <c r="G168" s="12">
        <v>0</v>
      </c>
      <c r="H168" s="12">
        <v>0</v>
      </c>
      <c r="I168" s="12">
        <v>0</v>
      </c>
    </row>
    <row r="169" spans="1:9" x14ac:dyDescent="0.25">
      <c r="A169" s="2" t="s">
        <v>319</v>
      </c>
      <c r="B169" s="4" t="s">
        <v>320</v>
      </c>
      <c r="C169" s="12">
        <v>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</row>
    <row r="170" spans="1:9" x14ac:dyDescent="0.25">
      <c r="A170" s="2" t="s">
        <v>321</v>
      </c>
      <c r="B170" s="4" t="s">
        <v>322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</row>
    <row r="171" spans="1:9" x14ac:dyDescent="0.25">
      <c r="A171" s="2" t="s">
        <v>323</v>
      </c>
      <c r="B171" s="4" t="s">
        <v>324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</row>
    <row r="172" spans="1:9" x14ac:dyDescent="0.25">
      <c r="A172" s="3" t="s">
        <v>325</v>
      </c>
      <c r="B172" s="5" t="s">
        <v>326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</row>
    <row r="173" spans="1:9" x14ac:dyDescent="0.25">
      <c r="A173" s="2" t="s">
        <v>327</v>
      </c>
      <c r="B173" s="4" t="s">
        <v>282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</row>
    <row r="174" spans="1:9" x14ac:dyDescent="0.25">
      <c r="A174" s="2" t="s">
        <v>328</v>
      </c>
      <c r="B174" s="4" t="s">
        <v>284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</row>
    <row r="175" spans="1:9" x14ac:dyDescent="0.25">
      <c r="A175" s="2" t="s">
        <v>329</v>
      </c>
      <c r="B175" s="4" t="s">
        <v>286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</row>
    <row r="176" spans="1:9" x14ac:dyDescent="0.25">
      <c r="A176" s="2" t="s">
        <v>330</v>
      </c>
      <c r="B176" s="4" t="s">
        <v>288</v>
      </c>
      <c r="C176" s="12">
        <v>0</v>
      </c>
      <c r="D176" s="12">
        <v>0</v>
      </c>
      <c r="E176" s="12">
        <v>0</v>
      </c>
      <c r="F176" s="12">
        <v>0</v>
      </c>
      <c r="G176" s="12">
        <v>0</v>
      </c>
      <c r="H176" s="12">
        <v>0</v>
      </c>
      <c r="I176" s="12">
        <v>0</v>
      </c>
    </row>
    <row r="177" spans="1:11" x14ac:dyDescent="0.25">
      <c r="A177" s="2" t="s">
        <v>331</v>
      </c>
      <c r="B177" s="4" t="s">
        <v>290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</row>
    <row r="178" spans="1:11" x14ac:dyDescent="0.25">
      <c r="A178" s="2" t="s">
        <v>332</v>
      </c>
      <c r="B178" s="4" t="s">
        <v>292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</row>
    <row r="179" spans="1:11" x14ac:dyDescent="0.25">
      <c r="A179" s="2" t="s">
        <v>333</v>
      </c>
      <c r="B179" s="4" t="s">
        <v>294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  <c r="I179" s="12">
        <v>0</v>
      </c>
    </row>
    <row r="180" spans="1:11" x14ac:dyDescent="0.25">
      <c r="A180" s="2" t="s">
        <v>334</v>
      </c>
      <c r="B180" s="4" t="s">
        <v>296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</row>
    <row r="181" spans="1:11" x14ac:dyDescent="0.25">
      <c r="A181" s="3" t="s">
        <v>335</v>
      </c>
      <c r="B181" s="5" t="s">
        <v>336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</row>
    <row r="182" spans="1:11" x14ac:dyDescent="0.25">
      <c r="A182" s="2" t="s">
        <v>337</v>
      </c>
      <c r="B182" s="4" t="s">
        <v>338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</row>
    <row r="183" spans="1:11" x14ac:dyDescent="0.25">
      <c r="A183" s="2" t="s">
        <v>339</v>
      </c>
      <c r="B183" s="4" t="s">
        <v>340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</row>
    <row r="184" spans="1:11" x14ac:dyDescent="0.25">
      <c r="A184" s="2" t="s">
        <v>341</v>
      </c>
      <c r="B184" s="4" t="s">
        <v>342</v>
      </c>
      <c r="C184" s="12">
        <v>0</v>
      </c>
      <c r="D184" s="12">
        <v>0</v>
      </c>
      <c r="E184" s="12">
        <v>0</v>
      </c>
      <c r="F184" s="12">
        <v>0</v>
      </c>
      <c r="G184" s="12">
        <v>0</v>
      </c>
      <c r="H184" s="12">
        <v>0</v>
      </c>
      <c r="I184" s="12">
        <v>0</v>
      </c>
    </row>
    <row r="185" spans="1:11" x14ac:dyDescent="0.25">
      <c r="A185" s="2" t="s">
        <v>343</v>
      </c>
      <c r="B185" s="4" t="s">
        <v>344</v>
      </c>
      <c r="C185" s="12">
        <v>0</v>
      </c>
      <c r="D185" s="12">
        <v>0</v>
      </c>
      <c r="E185" s="12">
        <v>0</v>
      </c>
      <c r="F185" s="12">
        <v>0</v>
      </c>
      <c r="G185" s="12">
        <v>0</v>
      </c>
      <c r="H185" s="12">
        <v>0</v>
      </c>
      <c r="I185" s="12">
        <v>0</v>
      </c>
    </row>
    <row r="187" spans="1:11" x14ac:dyDescent="0.25">
      <c r="A187" s="10" t="s">
        <v>6</v>
      </c>
      <c r="B187" s="10" t="s">
        <v>345</v>
      </c>
      <c r="C187" s="10" t="s">
        <v>166</v>
      </c>
      <c r="D187" s="10" t="s">
        <v>167</v>
      </c>
      <c r="E187" s="10" t="s">
        <v>168</v>
      </c>
      <c r="F187" s="10" t="s">
        <v>7</v>
      </c>
      <c r="G187" s="10" t="s">
        <v>171</v>
      </c>
      <c r="H187" s="10" t="s">
        <v>172</v>
      </c>
      <c r="I187" s="10" t="s">
        <v>7</v>
      </c>
      <c r="J187" s="10" t="s">
        <v>174</v>
      </c>
      <c r="K187" s="10" t="s">
        <v>175</v>
      </c>
    </row>
    <row r="188" spans="1:11" ht="21" x14ac:dyDescent="0.25">
      <c r="A188" s="10" t="s">
        <v>7</v>
      </c>
      <c r="B188" s="10" t="s">
        <v>7</v>
      </c>
      <c r="C188" s="10" t="s">
        <v>7</v>
      </c>
      <c r="D188" s="10" t="s">
        <v>7</v>
      </c>
      <c r="E188" s="1" t="s">
        <v>169</v>
      </c>
      <c r="F188" s="1" t="s">
        <v>170</v>
      </c>
      <c r="G188" s="10" t="s">
        <v>7</v>
      </c>
      <c r="H188" s="1" t="s">
        <v>169</v>
      </c>
      <c r="I188" s="1" t="s">
        <v>173</v>
      </c>
      <c r="J188" s="10" t="s">
        <v>7</v>
      </c>
      <c r="K188" s="10" t="s">
        <v>7</v>
      </c>
    </row>
    <row r="189" spans="1:11" x14ac:dyDescent="0.25">
      <c r="A189" s="3" t="s">
        <v>346</v>
      </c>
      <c r="B189" s="5" t="s">
        <v>347</v>
      </c>
      <c r="C189" s="11">
        <v>1303284700</v>
      </c>
      <c r="D189" s="11">
        <v>1869092292.77</v>
      </c>
      <c r="E189" s="11">
        <v>277802379.05000001</v>
      </c>
      <c r="F189" s="11">
        <v>1357231791.1300001</v>
      </c>
      <c r="G189" s="11">
        <v>511860501.63999999</v>
      </c>
      <c r="H189" s="11">
        <v>302489724.97000003</v>
      </c>
      <c r="I189" s="11">
        <v>1302441056.9200001</v>
      </c>
      <c r="J189" s="11">
        <v>566651235.85000002</v>
      </c>
      <c r="K189" s="11">
        <v>1227232362.8</v>
      </c>
    </row>
    <row r="190" spans="1:11" x14ac:dyDescent="0.25">
      <c r="A190" s="3" t="s">
        <v>348</v>
      </c>
      <c r="B190" s="5" t="s">
        <v>349</v>
      </c>
      <c r="C190" s="11">
        <v>1303284700</v>
      </c>
      <c r="D190" s="11">
        <v>1869092292.77</v>
      </c>
      <c r="E190" s="11">
        <v>277802379.05000001</v>
      </c>
      <c r="F190" s="11">
        <v>1357231791.1300001</v>
      </c>
      <c r="G190" s="11">
        <v>511860501.63999999</v>
      </c>
      <c r="H190" s="11">
        <v>302489724.97000003</v>
      </c>
      <c r="I190" s="11">
        <v>1302441056.9200001</v>
      </c>
      <c r="J190" s="11">
        <v>566651235.85000002</v>
      </c>
      <c r="K190" s="11">
        <v>1227232362.8</v>
      </c>
    </row>
    <row r="191" spans="1:11" x14ac:dyDescent="0.25">
      <c r="A191" s="2" t="s">
        <v>350</v>
      </c>
      <c r="B191" s="4" t="s">
        <v>351</v>
      </c>
      <c r="C191" s="12">
        <v>1157913100</v>
      </c>
      <c r="D191" s="12">
        <v>1738078702.05</v>
      </c>
      <c r="E191" s="12">
        <v>272707573.66000003</v>
      </c>
      <c r="F191" s="12">
        <v>1283440308.9400001</v>
      </c>
      <c r="G191" s="12">
        <v>454638393.11000001</v>
      </c>
      <c r="H191" s="12">
        <v>289284195.82999998</v>
      </c>
      <c r="I191" s="12">
        <v>1242244934.3699999</v>
      </c>
      <c r="J191" s="12">
        <v>495833767.68000001</v>
      </c>
      <c r="K191" s="12">
        <v>1176771442.75</v>
      </c>
    </row>
    <row r="192" spans="1:11" x14ac:dyDescent="0.25">
      <c r="A192" s="2" t="s">
        <v>352</v>
      </c>
      <c r="B192" s="4" t="s">
        <v>353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  <c r="I192" s="12">
        <v>0</v>
      </c>
      <c r="J192" s="12">
        <v>0</v>
      </c>
      <c r="K192" s="12">
        <v>0</v>
      </c>
    </row>
    <row r="193" spans="1:11" x14ac:dyDescent="0.25">
      <c r="A193" s="2" t="s">
        <v>354</v>
      </c>
      <c r="B193" s="4" t="s">
        <v>355</v>
      </c>
      <c r="C193" s="12">
        <v>145371600</v>
      </c>
      <c r="D193" s="12">
        <v>131013590.72</v>
      </c>
      <c r="E193" s="12">
        <v>5094805.3899999997</v>
      </c>
      <c r="F193" s="12">
        <v>73791482.189999998</v>
      </c>
      <c r="G193" s="12">
        <v>57222108.530000001</v>
      </c>
      <c r="H193" s="12">
        <v>13205529.140000001</v>
      </c>
      <c r="I193" s="12">
        <v>60196122.549999997</v>
      </c>
      <c r="J193" s="12">
        <v>70817468.170000002</v>
      </c>
      <c r="K193" s="12">
        <v>50460920.049999997</v>
      </c>
    </row>
    <row r="194" spans="1:11" x14ac:dyDescent="0.25">
      <c r="A194" s="3" t="s">
        <v>356</v>
      </c>
      <c r="B194" s="5" t="s">
        <v>357</v>
      </c>
      <c r="C194" s="11">
        <v>0</v>
      </c>
      <c r="D194" s="11">
        <v>0</v>
      </c>
      <c r="E194" s="11">
        <v>0</v>
      </c>
      <c r="F194" s="11">
        <v>0</v>
      </c>
      <c r="G194" s="11">
        <v>0</v>
      </c>
      <c r="H194" s="11">
        <v>0</v>
      </c>
      <c r="I194" s="11">
        <v>0</v>
      </c>
      <c r="J194" s="11">
        <v>0</v>
      </c>
      <c r="K194" s="11">
        <v>0</v>
      </c>
    </row>
    <row r="195" spans="1:11" x14ac:dyDescent="0.25">
      <c r="A195" s="2" t="s">
        <v>358</v>
      </c>
      <c r="B195" s="4" t="s">
        <v>359</v>
      </c>
      <c r="C195" s="12">
        <v>0</v>
      </c>
      <c r="D195" s="12">
        <v>0</v>
      </c>
      <c r="E195" s="12">
        <v>0</v>
      </c>
      <c r="F195" s="12">
        <v>0</v>
      </c>
      <c r="G195" s="12">
        <v>0</v>
      </c>
      <c r="H195" s="12">
        <v>0</v>
      </c>
      <c r="I195" s="12">
        <v>0</v>
      </c>
      <c r="J195" s="12">
        <v>0</v>
      </c>
      <c r="K195" s="12">
        <v>0</v>
      </c>
    </row>
    <row r="196" spans="1:11" x14ac:dyDescent="0.25">
      <c r="A196" s="2" t="s">
        <v>360</v>
      </c>
      <c r="B196" s="4" t="s">
        <v>361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</row>
    <row r="197" spans="1:11" x14ac:dyDescent="0.25">
      <c r="A197" s="2" t="s">
        <v>362</v>
      </c>
      <c r="B197" s="4" t="s">
        <v>363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  <c r="I197" s="12">
        <v>0</v>
      </c>
      <c r="J197" s="12">
        <v>0</v>
      </c>
      <c r="K197" s="12">
        <v>0</v>
      </c>
    </row>
    <row r="198" spans="1:11" x14ac:dyDescent="0.25">
      <c r="A198" s="2" t="s">
        <v>364</v>
      </c>
      <c r="B198" s="4" t="s">
        <v>365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  <c r="I198" s="12">
        <v>0</v>
      </c>
      <c r="J198" s="12">
        <v>0</v>
      </c>
      <c r="K198" s="12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5"/>
  <sheetViews>
    <sheetView showGridLines="0" workbookViewId="0"/>
  </sheetViews>
  <sheetFormatPr defaultRowHeight="15" x14ac:dyDescent="0.25"/>
  <cols>
    <col min="1" max="1" width="2.7109375" bestFit="1" customWidth="1"/>
    <col min="2" max="2" width="75.140625" bestFit="1" customWidth="1"/>
    <col min="3" max="3" width="18.140625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544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545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2</v>
      </c>
      <c r="C10" s="10" t="s">
        <v>510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8</v>
      </c>
      <c r="C12" s="12">
        <v>0</v>
      </c>
    </row>
    <row r="13" spans="1:6" x14ac:dyDescent="0.25">
      <c r="A13" s="2" t="s">
        <v>19</v>
      </c>
      <c r="B13" s="4" t="s">
        <v>546</v>
      </c>
      <c r="C13" s="12">
        <v>15800400000</v>
      </c>
    </row>
    <row r="14" spans="1:6" x14ac:dyDescent="0.25">
      <c r="A14" s="2" t="s">
        <v>21</v>
      </c>
      <c r="B14" s="4" t="s">
        <v>547</v>
      </c>
      <c r="C14" s="12">
        <v>16299139051.219999</v>
      </c>
    </row>
    <row r="15" spans="1:6" x14ac:dyDescent="0.25">
      <c r="A15" s="2" t="s">
        <v>23</v>
      </c>
      <c r="B15" s="4" t="s">
        <v>548</v>
      </c>
      <c r="C15" s="12">
        <v>10984809375.48</v>
      </c>
    </row>
    <row r="16" spans="1:6" x14ac:dyDescent="0.25">
      <c r="A16" s="2" t="s">
        <v>25</v>
      </c>
      <c r="B16" s="4" t="s">
        <v>549</v>
      </c>
      <c r="C16" s="12">
        <v>0</v>
      </c>
    </row>
    <row r="17" spans="1:3" x14ac:dyDescent="0.25">
      <c r="A17" s="2" t="s">
        <v>27</v>
      </c>
      <c r="B17" s="4" t="s">
        <v>550</v>
      </c>
      <c r="C17" s="12">
        <v>256756956.19</v>
      </c>
    </row>
    <row r="18" spans="1:3" x14ac:dyDescent="0.25">
      <c r="A18" s="2" t="s">
        <v>29</v>
      </c>
      <c r="B18" s="4" t="s">
        <v>165</v>
      </c>
      <c r="C18" s="12">
        <v>0</v>
      </c>
    </row>
    <row r="19" spans="1:3" x14ac:dyDescent="0.25">
      <c r="A19" s="2" t="s">
        <v>31</v>
      </c>
      <c r="B19" s="4" t="s">
        <v>551</v>
      </c>
      <c r="C19" s="12">
        <v>15800400000</v>
      </c>
    </row>
    <row r="20" spans="1:3" x14ac:dyDescent="0.25">
      <c r="A20" s="2" t="s">
        <v>33</v>
      </c>
      <c r="B20" s="4" t="s">
        <v>552</v>
      </c>
      <c r="C20" s="12">
        <v>16555896007.41</v>
      </c>
    </row>
    <row r="21" spans="1:3" x14ac:dyDescent="0.25">
      <c r="A21" s="2" t="s">
        <v>35</v>
      </c>
      <c r="B21" s="4" t="s">
        <v>553</v>
      </c>
      <c r="C21" s="12">
        <v>10949517495.389999</v>
      </c>
    </row>
    <row r="22" spans="1:3" x14ac:dyDescent="0.25">
      <c r="A22" s="2" t="s">
        <v>37</v>
      </c>
      <c r="B22" s="4" t="s">
        <v>554</v>
      </c>
      <c r="C22" s="12">
        <v>9717046024.7399998</v>
      </c>
    </row>
    <row r="23" spans="1:3" x14ac:dyDescent="0.25">
      <c r="A23" s="2" t="s">
        <v>39</v>
      </c>
      <c r="B23" s="4" t="s">
        <v>555</v>
      </c>
      <c r="C23" s="12">
        <v>9170616631.5300007</v>
      </c>
    </row>
    <row r="24" spans="1:3" x14ac:dyDescent="0.25">
      <c r="A24" s="2" t="s">
        <v>41</v>
      </c>
      <c r="B24" s="4" t="s">
        <v>556</v>
      </c>
      <c r="C24" s="12">
        <v>1267763350.74</v>
      </c>
    </row>
    <row r="26" spans="1:3" x14ac:dyDescent="0.25">
      <c r="A26" s="10" t="s">
        <v>6</v>
      </c>
      <c r="B26" s="10" t="s">
        <v>557</v>
      </c>
      <c r="C26" s="10" t="s">
        <v>510</v>
      </c>
    </row>
    <row r="27" spans="1:3" x14ac:dyDescent="0.25">
      <c r="A27" s="10" t="s">
        <v>7</v>
      </c>
      <c r="B27" s="10" t="s">
        <v>7</v>
      </c>
      <c r="C27" s="10" t="s">
        <v>7</v>
      </c>
    </row>
    <row r="28" spans="1:3" x14ac:dyDescent="0.25">
      <c r="A28" s="2" t="s">
        <v>43</v>
      </c>
      <c r="B28" s="4" t="s">
        <v>168</v>
      </c>
      <c r="C28" s="12">
        <v>10949517495.389999</v>
      </c>
    </row>
    <row r="29" spans="1:3" x14ac:dyDescent="0.25">
      <c r="A29" s="2" t="s">
        <v>45</v>
      </c>
      <c r="B29" s="4" t="s">
        <v>172</v>
      </c>
      <c r="C29" s="12">
        <v>9717046024.7399998</v>
      </c>
    </row>
    <row r="31" spans="1:3" x14ac:dyDescent="0.25">
      <c r="A31" s="10" t="s">
        <v>6</v>
      </c>
      <c r="B31" s="10" t="s">
        <v>558</v>
      </c>
      <c r="C31" s="10" t="s">
        <v>510</v>
      </c>
    </row>
    <row r="32" spans="1:3" x14ac:dyDescent="0.25">
      <c r="A32" s="10" t="s">
        <v>7</v>
      </c>
      <c r="B32" s="10" t="s">
        <v>7</v>
      </c>
      <c r="C32" s="10" t="s">
        <v>7</v>
      </c>
    </row>
    <row r="33" spans="1:3" x14ac:dyDescent="0.25">
      <c r="A33" s="2" t="s">
        <v>47</v>
      </c>
      <c r="B33" s="4" t="s">
        <v>559</v>
      </c>
      <c r="C33" s="12">
        <v>13629193332.09</v>
      </c>
    </row>
    <row r="34" spans="1:3" x14ac:dyDescent="0.25">
      <c r="A34" s="2" t="s">
        <v>49</v>
      </c>
      <c r="B34" s="4" t="s">
        <v>560</v>
      </c>
      <c r="C34" s="12">
        <v>13622873277.469999</v>
      </c>
    </row>
    <row r="35" spans="1:3" x14ac:dyDescent="0.25">
      <c r="A35" s="2" t="s">
        <v>51</v>
      </c>
      <c r="B35" s="4" t="s">
        <v>561</v>
      </c>
      <c r="C35" s="12">
        <v>13622873277.469999</v>
      </c>
    </row>
    <row r="37" spans="1:3" x14ac:dyDescent="0.25">
      <c r="A37" s="10" t="s">
        <v>6</v>
      </c>
      <c r="B37" s="10" t="s">
        <v>562</v>
      </c>
      <c r="C37" s="10" t="s">
        <v>510</v>
      </c>
    </row>
    <row r="38" spans="1:3" x14ac:dyDescent="0.25">
      <c r="A38" s="10" t="s">
        <v>7</v>
      </c>
      <c r="B38" s="10" t="s">
        <v>7</v>
      </c>
      <c r="C38" s="10" t="s">
        <v>7</v>
      </c>
    </row>
    <row r="39" spans="1:3" x14ac:dyDescent="0.25">
      <c r="A39" s="2" t="s">
        <v>53</v>
      </c>
      <c r="B39" s="4" t="s">
        <v>563</v>
      </c>
      <c r="C39" s="12">
        <v>0</v>
      </c>
    </row>
    <row r="40" spans="1:3" x14ac:dyDescent="0.25">
      <c r="A40" s="2" t="s">
        <v>55</v>
      </c>
      <c r="B40" s="4" t="s">
        <v>564</v>
      </c>
      <c r="C40" s="12">
        <v>1730422735.3</v>
      </c>
    </row>
    <row r="41" spans="1:3" x14ac:dyDescent="0.25">
      <c r="A41" s="2" t="s">
        <v>57</v>
      </c>
      <c r="B41" s="4" t="s">
        <v>565</v>
      </c>
      <c r="C41" s="12">
        <v>2530855316.9699998</v>
      </c>
    </row>
    <row r="42" spans="1:3" x14ac:dyDescent="0.25">
      <c r="A42" s="2" t="s">
        <v>59</v>
      </c>
      <c r="B42" s="4" t="s">
        <v>566</v>
      </c>
      <c r="C42" s="12">
        <v>2494023398.79</v>
      </c>
    </row>
    <row r="43" spans="1:3" x14ac:dyDescent="0.25">
      <c r="A43" s="2" t="s">
        <v>61</v>
      </c>
      <c r="B43" s="4" t="s">
        <v>567</v>
      </c>
      <c r="C43" s="12">
        <v>-763600663.49000001</v>
      </c>
    </row>
    <row r="44" spans="1:3" x14ac:dyDescent="0.25">
      <c r="A44" s="2" t="s">
        <v>63</v>
      </c>
      <c r="B44" s="4" t="s">
        <v>568</v>
      </c>
      <c r="C44" s="12">
        <v>0</v>
      </c>
    </row>
    <row r="45" spans="1:3" x14ac:dyDescent="0.25">
      <c r="A45" s="2" t="s">
        <v>65</v>
      </c>
      <c r="B45" s="4" t="s">
        <v>564</v>
      </c>
      <c r="C45" s="12">
        <v>0</v>
      </c>
    </row>
    <row r="46" spans="1:3" x14ac:dyDescent="0.25">
      <c r="A46" s="2" t="s">
        <v>67</v>
      </c>
      <c r="B46" s="4" t="s">
        <v>565</v>
      </c>
      <c r="C46" s="12">
        <v>0</v>
      </c>
    </row>
    <row r="47" spans="1:3" x14ac:dyDescent="0.25">
      <c r="A47" s="2" t="s">
        <v>69</v>
      </c>
      <c r="B47" s="4" t="s">
        <v>566</v>
      </c>
      <c r="C47" s="12">
        <v>0</v>
      </c>
    </row>
    <row r="48" spans="1:3" x14ac:dyDescent="0.25">
      <c r="A48" s="2" t="s">
        <v>71</v>
      </c>
      <c r="B48" s="4" t="s">
        <v>567</v>
      </c>
      <c r="C48" s="12">
        <v>0</v>
      </c>
    </row>
    <row r="50" spans="1:6" x14ac:dyDescent="0.25">
      <c r="A50" s="10" t="s">
        <v>6</v>
      </c>
      <c r="B50" s="10" t="s">
        <v>569</v>
      </c>
      <c r="C50" s="10" t="s">
        <v>570</v>
      </c>
      <c r="D50" s="10" t="s">
        <v>571</v>
      </c>
      <c r="E50" s="10" t="s">
        <v>572</v>
      </c>
    </row>
    <row r="51" spans="1:6" x14ac:dyDescent="0.25">
      <c r="A51" s="10" t="s">
        <v>7</v>
      </c>
      <c r="B51" s="10" t="s">
        <v>7</v>
      </c>
      <c r="C51" s="10" t="s">
        <v>7</v>
      </c>
      <c r="D51" s="10" t="s">
        <v>7</v>
      </c>
      <c r="E51" s="10" t="s">
        <v>7</v>
      </c>
    </row>
    <row r="52" spans="1:6" x14ac:dyDescent="0.25">
      <c r="A52" s="2" t="s">
        <v>73</v>
      </c>
      <c r="B52" s="4" t="s">
        <v>573</v>
      </c>
      <c r="C52" s="12">
        <v>799683900</v>
      </c>
      <c r="D52" s="12">
        <v>1305900492.3099999</v>
      </c>
      <c r="E52" s="12">
        <v>163.30000000000001</v>
      </c>
    </row>
    <row r="53" spans="1:6" x14ac:dyDescent="0.25">
      <c r="A53" s="2" t="s">
        <v>75</v>
      </c>
      <c r="B53" s="4" t="s">
        <v>574</v>
      </c>
      <c r="C53" s="12">
        <v>285304200</v>
      </c>
      <c r="D53" s="12">
        <v>1124314558.9400001</v>
      </c>
      <c r="E53" s="12">
        <v>394.08</v>
      </c>
    </row>
    <row r="55" spans="1:6" x14ac:dyDescent="0.25">
      <c r="A55" s="10" t="s">
        <v>6</v>
      </c>
      <c r="B55" s="10" t="s">
        <v>575</v>
      </c>
      <c r="C55" s="10" t="s">
        <v>576</v>
      </c>
      <c r="D55" s="10" t="s">
        <v>577</v>
      </c>
      <c r="E55" s="10" t="s">
        <v>578</v>
      </c>
      <c r="F55" s="10" t="s">
        <v>579</v>
      </c>
    </row>
    <row r="56" spans="1:6" x14ac:dyDescent="0.25">
      <c r="A56" s="10" t="s">
        <v>7</v>
      </c>
      <c r="B56" s="10" t="s">
        <v>7</v>
      </c>
      <c r="C56" s="10" t="s">
        <v>7</v>
      </c>
      <c r="D56" s="10" t="s">
        <v>7</v>
      </c>
      <c r="E56" s="10" t="s">
        <v>7</v>
      </c>
      <c r="F56" s="10" t="s">
        <v>7</v>
      </c>
    </row>
    <row r="57" spans="1:6" x14ac:dyDescent="0.25">
      <c r="A57" s="3" t="s">
        <v>77</v>
      </c>
      <c r="B57" s="5" t="s">
        <v>580</v>
      </c>
      <c r="C57" s="11">
        <v>540818527.76999998</v>
      </c>
      <c r="D57" s="11">
        <v>12837634.35</v>
      </c>
      <c r="E57" s="11">
        <v>426826170.20999998</v>
      </c>
      <c r="F57" s="11">
        <v>101154723.20999999</v>
      </c>
    </row>
    <row r="58" spans="1:6" x14ac:dyDescent="0.25">
      <c r="A58" s="2" t="s">
        <v>79</v>
      </c>
      <c r="B58" s="4" t="s">
        <v>581</v>
      </c>
      <c r="C58" s="12">
        <v>476297866.17000002</v>
      </c>
      <c r="D58" s="12">
        <v>12837633.99</v>
      </c>
      <c r="E58" s="12">
        <v>362305563.79000002</v>
      </c>
      <c r="F58" s="12">
        <v>101154668.39</v>
      </c>
    </row>
    <row r="59" spans="1:6" x14ac:dyDescent="0.25">
      <c r="A59" s="2" t="s">
        <v>81</v>
      </c>
      <c r="B59" s="4" t="s">
        <v>582</v>
      </c>
      <c r="C59" s="12">
        <v>14280975.529999999</v>
      </c>
      <c r="D59" s="12">
        <v>0</v>
      </c>
      <c r="E59" s="12">
        <v>14280975.529999999</v>
      </c>
      <c r="F59" s="12">
        <v>0</v>
      </c>
    </row>
    <row r="60" spans="1:6" x14ac:dyDescent="0.25">
      <c r="A60" s="2" t="s">
        <v>83</v>
      </c>
      <c r="B60" s="4" t="s">
        <v>583</v>
      </c>
      <c r="C60" s="12">
        <v>46663077.07</v>
      </c>
      <c r="D60" s="12">
        <v>0.36</v>
      </c>
      <c r="E60" s="12">
        <v>46663021.890000001</v>
      </c>
      <c r="F60" s="12">
        <v>54.82</v>
      </c>
    </row>
    <row r="61" spans="1:6" x14ac:dyDescent="0.25">
      <c r="A61" s="2" t="s">
        <v>85</v>
      </c>
      <c r="B61" s="4" t="s">
        <v>584</v>
      </c>
      <c r="C61" s="12">
        <v>894376.95</v>
      </c>
      <c r="D61" s="12">
        <v>0</v>
      </c>
      <c r="E61" s="12">
        <v>894376.95</v>
      </c>
      <c r="F61" s="12">
        <v>0</v>
      </c>
    </row>
    <row r="62" spans="1:6" x14ac:dyDescent="0.25">
      <c r="A62" s="2" t="s">
        <v>87</v>
      </c>
      <c r="B62" s="4" t="s">
        <v>585</v>
      </c>
      <c r="C62" s="12">
        <v>2682232.0499999998</v>
      </c>
      <c r="D62" s="12">
        <v>0</v>
      </c>
      <c r="E62" s="12">
        <v>2682232.0499999998</v>
      </c>
      <c r="F62" s="12">
        <v>0</v>
      </c>
    </row>
    <row r="63" spans="1:6" x14ac:dyDescent="0.25">
      <c r="A63" s="3" t="s">
        <v>89</v>
      </c>
      <c r="B63" s="5" t="s">
        <v>586</v>
      </c>
      <c r="C63" s="11">
        <v>408566314.06999999</v>
      </c>
      <c r="D63" s="11">
        <v>46751667.409999996</v>
      </c>
      <c r="E63" s="11">
        <v>200178594.33000001</v>
      </c>
      <c r="F63" s="11">
        <v>161636052.33000001</v>
      </c>
    </row>
    <row r="64" spans="1:6" x14ac:dyDescent="0.25">
      <c r="A64" s="2" t="s">
        <v>91</v>
      </c>
      <c r="B64" s="4" t="s">
        <v>581</v>
      </c>
      <c r="C64" s="12">
        <v>357784917.91000003</v>
      </c>
      <c r="D64" s="12">
        <v>37437694.109999999</v>
      </c>
      <c r="E64" s="12">
        <v>169905155.91</v>
      </c>
      <c r="F64" s="12">
        <v>150442067.88999999</v>
      </c>
    </row>
    <row r="65" spans="1:6" x14ac:dyDescent="0.25">
      <c r="A65" s="2" t="s">
        <v>93</v>
      </c>
      <c r="B65" s="4" t="s">
        <v>582</v>
      </c>
      <c r="C65" s="12">
        <v>4208130.9400000004</v>
      </c>
      <c r="D65" s="12">
        <v>1325936.0900000001</v>
      </c>
      <c r="E65" s="12">
        <v>2655208.65</v>
      </c>
      <c r="F65" s="12">
        <v>226986.2</v>
      </c>
    </row>
    <row r="66" spans="1:6" x14ac:dyDescent="0.25">
      <c r="A66" s="2" t="s">
        <v>95</v>
      </c>
      <c r="B66" s="4" t="s">
        <v>583</v>
      </c>
      <c r="C66" s="12">
        <v>20106935.5</v>
      </c>
      <c r="D66" s="12">
        <v>7599469.3899999997</v>
      </c>
      <c r="E66" s="12">
        <v>11376423.5</v>
      </c>
      <c r="F66" s="12">
        <v>1131042.6100000001</v>
      </c>
    </row>
    <row r="67" spans="1:6" x14ac:dyDescent="0.25">
      <c r="A67" s="2" t="s">
        <v>97</v>
      </c>
      <c r="B67" s="4" t="s">
        <v>584</v>
      </c>
      <c r="C67" s="12">
        <v>25096110.82</v>
      </c>
      <c r="D67" s="12">
        <v>231835.44</v>
      </c>
      <c r="E67" s="12">
        <v>15264852.99</v>
      </c>
      <c r="F67" s="12">
        <v>9599422.3900000006</v>
      </c>
    </row>
    <row r="68" spans="1:6" x14ac:dyDescent="0.25">
      <c r="A68" s="2" t="s">
        <v>99</v>
      </c>
      <c r="B68" s="4" t="s">
        <v>585</v>
      </c>
      <c r="C68" s="12">
        <v>1370218.9</v>
      </c>
      <c r="D68" s="12">
        <v>156732.38</v>
      </c>
      <c r="E68" s="12">
        <v>976953.28</v>
      </c>
      <c r="F68" s="12">
        <v>236533.24</v>
      </c>
    </row>
    <row r="69" spans="1:6" x14ac:dyDescent="0.25">
      <c r="A69" s="3" t="s">
        <v>101</v>
      </c>
      <c r="B69" s="5" t="s">
        <v>587</v>
      </c>
      <c r="C69" s="11">
        <v>949384841.84000003</v>
      </c>
      <c r="D69" s="11">
        <v>59589301.759999998</v>
      </c>
      <c r="E69" s="11">
        <v>627004764.53999996</v>
      </c>
      <c r="F69" s="11">
        <v>262790775.53999999</v>
      </c>
    </row>
    <row r="71" spans="1:6" x14ac:dyDescent="0.25">
      <c r="A71" s="10" t="s">
        <v>6</v>
      </c>
      <c r="B71" s="10" t="s">
        <v>588</v>
      </c>
      <c r="C71" s="10" t="s">
        <v>589</v>
      </c>
      <c r="D71" s="10" t="s">
        <v>590</v>
      </c>
      <c r="E71" s="10" t="s">
        <v>590</v>
      </c>
    </row>
    <row r="72" spans="1:6" ht="21" x14ac:dyDescent="0.25">
      <c r="A72" s="10" t="s">
        <v>7</v>
      </c>
      <c r="B72" s="10" t="s">
        <v>7</v>
      </c>
      <c r="C72" s="10" t="s">
        <v>7</v>
      </c>
      <c r="D72" s="1" t="s">
        <v>591</v>
      </c>
      <c r="E72" s="1" t="s">
        <v>592</v>
      </c>
    </row>
    <row r="73" spans="1:6" x14ac:dyDescent="0.25">
      <c r="A73" s="2" t="s">
        <v>103</v>
      </c>
      <c r="B73" s="4" t="s">
        <v>593</v>
      </c>
      <c r="C73" s="12">
        <v>2062279755.04</v>
      </c>
      <c r="D73" s="12">
        <v>25</v>
      </c>
      <c r="E73" s="12">
        <v>30.65</v>
      </c>
    </row>
    <row r="74" spans="1:6" x14ac:dyDescent="0.25">
      <c r="A74" s="2" t="s">
        <v>105</v>
      </c>
      <c r="B74" s="4" t="s">
        <v>594</v>
      </c>
      <c r="C74" s="12">
        <v>698898560.08000004</v>
      </c>
      <c r="D74" s="12">
        <v>60</v>
      </c>
      <c r="E74" s="12">
        <v>95.24</v>
      </c>
    </row>
    <row r="75" spans="1:6" x14ac:dyDescent="0.25">
      <c r="A75" s="2" t="s">
        <v>107</v>
      </c>
      <c r="B75" s="4" t="s">
        <v>595</v>
      </c>
      <c r="C75" s="12">
        <v>0</v>
      </c>
      <c r="D75" s="12">
        <v>60</v>
      </c>
      <c r="E75" s="12">
        <v>0</v>
      </c>
    </row>
    <row r="76" spans="1:6" x14ac:dyDescent="0.25">
      <c r="A76" s="2" t="s">
        <v>109</v>
      </c>
      <c r="B76" s="4" t="s">
        <v>596</v>
      </c>
      <c r="C76" s="12">
        <v>0</v>
      </c>
      <c r="D76" s="12">
        <v>0</v>
      </c>
      <c r="E76" s="12">
        <v>0</v>
      </c>
    </row>
    <row r="78" spans="1:6" x14ac:dyDescent="0.25">
      <c r="A78" s="10" t="s">
        <v>6</v>
      </c>
      <c r="B78" s="10" t="s">
        <v>597</v>
      </c>
      <c r="C78" s="10" t="s">
        <v>589</v>
      </c>
      <c r="D78" s="10" t="s">
        <v>598</v>
      </c>
    </row>
    <row r="79" spans="1:6" x14ac:dyDescent="0.25">
      <c r="A79" s="10" t="s">
        <v>7</v>
      </c>
      <c r="B79" s="10" t="s">
        <v>7</v>
      </c>
      <c r="C79" s="10" t="s">
        <v>7</v>
      </c>
      <c r="D79" s="10" t="s">
        <v>7</v>
      </c>
    </row>
    <row r="80" spans="1:6" x14ac:dyDescent="0.25">
      <c r="A80" s="2" t="s">
        <v>111</v>
      </c>
      <c r="B80" s="4" t="s">
        <v>599</v>
      </c>
      <c r="C80" s="12">
        <v>0</v>
      </c>
      <c r="D80" s="12">
        <v>0</v>
      </c>
    </row>
    <row r="81" spans="1:6" x14ac:dyDescent="0.25">
      <c r="A81" s="2" t="s">
        <v>113</v>
      </c>
      <c r="B81" s="4" t="s">
        <v>600</v>
      </c>
      <c r="C81" s="12">
        <v>0</v>
      </c>
      <c r="D81" s="12">
        <v>0</v>
      </c>
    </row>
    <row r="83" spans="1:6" x14ac:dyDescent="0.25">
      <c r="A83" s="10" t="s">
        <v>6</v>
      </c>
      <c r="B83" s="10" t="s">
        <v>601</v>
      </c>
      <c r="C83" s="10" t="s">
        <v>602</v>
      </c>
      <c r="D83" s="10" t="s">
        <v>603</v>
      </c>
      <c r="E83" s="10" t="s">
        <v>604</v>
      </c>
      <c r="F83" s="10" t="s">
        <v>605</v>
      </c>
    </row>
    <row r="84" spans="1:6" x14ac:dyDescent="0.25">
      <c r="A84" s="10" t="s">
        <v>7</v>
      </c>
      <c r="B84" s="10" t="s">
        <v>7</v>
      </c>
      <c r="C84" s="10" t="s">
        <v>7</v>
      </c>
      <c r="D84" s="10" t="s">
        <v>7</v>
      </c>
      <c r="E84" s="10" t="s">
        <v>7</v>
      </c>
      <c r="F84" s="10" t="s">
        <v>7</v>
      </c>
    </row>
    <row r="85" spans="1:6" x14ac:dyDescent="0.25">
      <c r="A85" s="2" t="s">
        <v>115</v>
      </c>
      <c r="B85" s="4" t="s">
        <v>606</v>
      </c>
      <c r="C85" s="12">
        <v>0</v>
      </c>
      <c r="D85" s="12">
        <v>0</v>
      </c>
      <c r="E85" s="12">
        <v>0</v>
      </c>
      <c r="F85" s="12">
        <v>0</v>
      </c>
    </row>
    <row r="86" spans="1:6" x14ac:dyDescent="0.25">
      <c r="A86" s="2" t="s">
        <v>117</v>
      </c>
      <c r="B86" s="4" t="s">
        <v>607</v>
      </c>
      <c r="C86" s="12">
        <v>0</v>
      </c>
      <c r="D86" s="12">
        <v>0</v>
      </c>
      <c r="E86" s="12">
        <v>0</v>
      </c>
      <c r="F86" s="12">
        <v>0</v>
      </c>
    </row>
    <row r="87" spans="1:6" x14ac:dyDescent="0.25">
      <c r="A87" s="2" t="s">
        <v>119</v>
      </c>
      <c r="B87" s="4" t="s">
        <v>608</v>
      </c>
      <c r="C87" s="12">
        <v>0</v>
      </c>
      <c r="D87" s="12">
        <v>0</v>
      </c>
      <c r="E87" s="12">
        <v>0</v>
      </c>
      <c r="F87" s="12">
        <v>0</v>
      </c>
    </row>
    <row r="88" spans="1:6" x14ac:dyDescent="0.25">
      <c r="A88" s="2" t="s">
        <v>120</v>
      </c>
      <c r="B88" s="4" t="s">
        <v>567</v>
      </c>
      <c r="C88" s="12">
        <v>0</v>
      </c>
      <c r="D88" s="12">
        <v>0</v>
      </c>
      <c r="E88" s="12">
        <v>0</v>
      </c>
      <c r="F88" s="12">
        <v>0</v>
      </c>
    </row>
    <row r="89" spans="1:6" x14ac:dyDescent="0.25">
      <c r="A89" s="2" t="s">
        <v>121</v>
      </c>
      <c r="B89" s="4" t="s">
        <v>609</v>
      </c>
      <c r="C89" s="12">
        <v>0</v>
      </c>
      <c r="D89" s="12">
        <v>0</v>
      </c>
      <c r="E89" s="12">
        <v>0</v>
      </c>
      <c r="F89" s="12">
        <v>0</v>
      </c>
    </row>
    <row r="90" spans="1:6" x14ac:dyDescent="0.25">
      <c r="A90" s="2" t="s">
        <v>122</v>
      </c>
      <c r="B90" s="4" t="s">
        <v>607</v>
      </c>
      <c r="C90" s="12">
        <v>0</v>
      </c>
      <c r="D90" s="12">
        <v>0</v>
      </c>
      <c r="E90" s="12">
        <v>0</v>
      </c>
      <c r="F90" s="12">
        <v>0</v>
      </c>
    </row>
    <row r="91" spans="1:6" x14ac:dyDescent="0.25">
      <c r="A91" s="2" t="s">
        <v>123</v>
      </c>
      <c r="B91" s="4" t="s">
        <v>608</v>
      </c>
      <c r="C91" s="12">
        <v>0</v>
      </c>
      <c r="D91" s="12">
        <v>0</v>
      </c>
      <c r="E91" s="12">
        <v>0</v>
      </c>
      <c r="F91" s="12">
        <v>0</v>
      </c>
    </row>
    <row r="92" spans="1:6" x14ac:dyDescent="0.25">
      <c r="A92" s="2" t="s">
        <v>124</v>
      </c>
      <c r="B92" s="4" t="s">
        <v>567</v>
      </c>
      <c r="C92" s="12">
        <v>0</v>
      </c>
      <c r="D92" s="12">
        <v>0</v>
      </c>
      <c r="E92" s="12">
        <v>0</v>
      </c>
      <c r="F92" s="12">
        <v>0</v>
      </c>
    </row>
    <row r="94" spans="1:6" x14ac:dyDescent="0.25">
      <c r="A94" s="10" t="s">
        <v>6</v>
      </c>
      <c r="B94" s="10" t="s">
        <v>610</v>
      </c>
      <c r="C94" s="10" t="s">
        <v>589</v>
      </c>
      <c r="D94" s="10" t="s">
        <v>611</v>
      </c>
    </row>
    <row r="95" spans="1:6" x14ac:dyDescent="0.25">
      <c r="A95" s="10" t="s">
        <v>7</v>
      </c>
      <c r="B95" s="10" t="s">
        <v>7</v>
      </c>
      <c r="C95" s="10" t="s">
        <v>7</v>
      </c>
      <c r="D95" s="10" t="s">
        <v>7</v>
      </c>
    </row>
    <row r="96" spans="1:6" x14ac:dyDescent="0.25">
      <c r="A96" s="2" t="s">
        <v>125</v>
      </c>
      <c r="B96" s="4" t="s">
        <v>612</v>
      </c>
      <c r="C96" s="12">
        <v>0</v>
      </c>
      <c r="D96" s="12">
        <v>0</v>
      </c>
    </row>
    <row r="97" spans="1:5" x14ac:dyDescent="0.25">
      <c r="A97" s="2" t="s">
        <v>126</v>
      </c>
      <c r="B97" s="4" t="s">
        <v>613</v>
      </c>
      <c r="C97" s="12">
        <v>0</v>
      </c>
      <c r="D97" s="12">
        <v>0</v>
      </c>
    </row>
    <row r="99" spans="1:5" x14ac:dyDescent="0.25">
      <c r="A99" s="10" t="s">
        <v>6</v>
      </c>
      <c r="B99" s="10" t="s">
        <v>614</v>
      </c>
      <c r="C99" s="10" t="s">
        <v>589</v>
      </c>
      <c r="D99" s="10" t="s">
        <v>615</v>
      </c>
      <c r="E99" s="10" t="s">
        <v>615</v>
      </c>
    </row>
    <row r="100" spans="1:5" ht="21" x14ac:dyDescent="0.25">
      <c r="A100" s="10" t="s">
        <v>7</v>
      </c>
      <c r="B100" s="10" t="s">
        <v>7</v>
      </c>
      <c r="C100" s="10" t="s">
        <v>7</v>
      </c>
      <c r="D100" s="1" t="s">
        <v>591</v>
      </c>
      <c r="E100" s="1" t="s">
        <v>592</v>
      </c>
    </row>
    <row r="101" spans="1:5" x14ac:dyDescent="0.25">
      <c r="A101" s="2" t="s">
        <v>127</v>
      </c>
      <c r="B101" s="4" t="s">
        <v>616</v>
      </c>
      <c r="C101" s="12">
        <v>934530001.62</v>
      </c>
      <c r="D101" s="12">
        <v>12</v>
      </c>
      <c r="E101" s="12">
        <v>13.89</v>
      </c>
    </row>
    <row r="103" spans="1:5" x14ac:dyDescent="0.25">
      <c r="A103" s="10" t="s">
        <v>6</v>
      </c>
      <c r="B103" s="10" t="s">
        <v>617</v>
      </c>
      <c r="C103" s="10" t="s">
        <v>618</v>
      </c>
    </row>
    <row r="104" spans="1:5" x14ac:dyDescent="0.25">
      <c r="A104" s="10" t="s">
        <v>7</v>
      </c>
      <c r="B104" s="10" t="s">
        <v>7</v>
      </c>
      <c r="C104" s="10" t="s">
        <v>7</v>
      </c>
    </row>
    <row r="105" spans="1:5" x14ac:dyDescent="0.25">
      <c r="A105" s="2" t="s">
        <v>129</v>
      </c>
      <c r="B105" s="4" t="s">
        <v>619</v>
      </c>
      <c r="C105" s="12">
        <v>0</v>
      </c>
    </row>
  </sheetData>
  <mergeCells count="54">
    <mergeCell ref="A99:A100"/>
    <mergeCell ref="B99:B100"/>
    <mergeCell ref="C99:C100"/>
    <mergeCell ref="D99:E99"/>
    <mergeCell ref="A103:A104"/>
    <mergeCell ref="B103:B104"/>
    <mergeCell ref="C103:C104"/>
    <mergeCell ref="E83:E84"/>
    <mergeCell ref="F83:F84"/>
    <mergeCell ref="A94:A95"/>
    <mergeCell ref="B94:B95"/>
    <mergeCell ref="C94:C95"/>
    <mergeCell ref="D94:D95"/>
    <mergeCell ref="A78:A79"/>
    <mergeCell ref="B78:B79"/>
    <mergeCell ref="C78:C79"/>
    <mergeCell ref="D78:D79"/>
    <mergeCell ref="A83:A84"/>
    <mergeCell ref="B83:B84"/>
    <mergeCell ref="C83:C84"/>
    <mergeCell ref="D83:D84"/>
    <mergeCell ref="F55:F56"/>
    <mergeCell ref="A71:A72"/>
    <mergeCell ref="B71:B72"/>
    <mergeCell ref="C71:C72"/>
    <mergeCell ref="D71:E71"/>
    <mergeCell ref="A55:A56"/>
    <mergeCell ref="B55:B56"/>
    <mergeCell ref="C55:C56"/>
    <mergeCell ref="D55:D56"/>
    <mergeCell ref="E55:E56"/>
    <mergeCell ref="A50:A51"/>
    <mergeCell ref="B50:B51"/>
    <mergeCell ref="C50:C51"/>
    <mergeCell ref="D50:D51"/>
    <mergeCell ref="E50:E51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17"/>
  <sheetViews>
    <sheetView showGridLines="0" workbookViewId="0"/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10" width="19" bestFit="1" customWidth="1"/>
    <col min="11" max="11" width="9.28515625" bestFit="1" customWidth="1"/>
    <col min="12" max="12" width="19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62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62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622</v>
      </c>
      <c r="C10" s="10" t="s">
        <v>395</v>
      </c>
      <c r="D10" s="10" t="s">
        <v>623</v>
      </c>
      <c r="E10" s="10" t="s">
        <v>168</v>
      </c>
      <c r="F10" s="10" t="s">
        <v>7</v>
      </c>
      <c r="G10" s="10" t="s">
        <v>7</v>
      </c>
      <c r="H10" s="10" t="s">
        <v>625</v>
      </c>
      <c r="I10" s="10" t="s">
        <v>172</v>
      </c>
      <c r="J10" s="10" t="s">
        <v>7</v>
      </c>
      <c r="K10" s="10" t="s">
        <v>7</v>
      </c>
      <c r="L10" s="10" t="s">
        <v>627</v>
      </c>
    </row>
    <row r="11" spans="1:12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69</v>
      </c>
      <c r="F11" s="1" t="s">
        <v>369</v>
      </c>
      <c r="G11" s="1" t="s">
        <v>624</v>
      </c>
      <c r="H11" s="10" t="s">
        <v>7</v>
      </c>
      <c r="I11" s="1" t="s">
        <v>169</v>
      </c>
      <c r="J11" s="1" t="s">
        <v>397</v>
      </c>
      <c r="K11" s="1" t="s">
        <v>626</v>
      </c>
      <c r="L11" s="10" t="s">
        <v>7</v>
      </c>
    </row>
    <row r="12" spans="1:12" x14ac:dyDescent="0.25">
      <c r="A12" s="3" t="s">
        <v>17</v>
      </c>
      <c r="B12" s="5" t="s">
        <v>628</v>
      </c>
      <c r="C12" s="11">
        <v>14497115300</v>
      </c>
      <c r="D12" s="11">
        <v>14686803714.639999</v>
      </c>
      <c r="E12" s="11">
        <v>1891235960.47</v>
      </c>
      <c r="F12" s="11">
        <v>9592285704.2600002</v>
      </c>
      <c r="G12" s="11">
        <v>87.58</v>
      </c>
      <c r="H12" s="11">
        <v>5094518010.3800001</v>
      </c>
      <c r="I12" s="11">
        <v>2057035253.8099999</v>
      </c>
      <c r="J12" s="11">
        <v>8414604967.8199997</v>
      </c>
      <c r="K12" s="11">
        <v>86.6</v>
      </c>
      <c r="L12" s="11">
        <v>6272198746.8199997</v>
      </c>
    </row>
    <row r="13" spans="1:12" x14ac:dyDescent="0.25">
      <c r="A13" s="3" t="s">
        <v>19</v>
      </c>
      <c r="B13" s="5" t="s">
        <v>629</v>
      </c>
      <c r="C13" s="11">
        <v>500283300</v>
      </c>
      <c r="D13" s="11">
        <v>507163300</v>
      </c>
      <c r="E13" s="11">
        <v>36558823.770000003</v>
      </c>
      <c r="F13" s="11">
        <v>338420726.69</v>
      </c>
      <c r="G13" s="11">
        <v>3.09</v>
      </c>
      <c r="H13" s="11">
        <v>168742573.31</v>
      </c>
      <c r="I13" s="11">
        <v>63739551.100000001</v>
      </c>
      <c r="J13" s="11">
        <v>254497024.5</v>
      </c>
      <c r="K13" s="11">
        <v>2.62</v>
      </c>
      <c r="L13" s="11">
        <v>252666275.5</v>
      </c>
    </row>
    <row r="14" spans="1:12" x14ac:dyDescent="0.25">
      <c r="A14" s="2" t="s">
        <v>21</v>
      </c>
      <c r="B14" s="4" t="s">
        <v>630</v>
      </c>
      <c r="C14" s="12">
        <v>258326400</v>
      </c>
      <c r="D14" s="12">
        <v>261206400</v>
      </c>
      <c r="E14" s="12">
        <v>30602047</v>
      </c>
      <c r="F14" s="12">
        <v>156661338.24000001</v>
      </c>
      <c r="G14" s="12">
        <v>1.43</v>
      </c>
      <c r="H14" s="12">
        <v>104545061.76000001</v>
      </c>
      <c r="I14" s="12">
        <v>35220727.659999996</v>
      </c>
      <c r="J14" s="12">
        <v>135308748.09</v>
      </c>
      <c r="K14" s="12">
        <v>1.39</v>
      </c>
      <c r="L14" s="12">
        <v>125897651.91</v>
      </c>
    </row>
    <row r="15" spans="1:12" x14ac:dyDescent="0.25">
      <c r="A15" s="2" t="s">
        <v>23</v>
      </c>
      <c r="B15" s="4" t="s">
        <v>631</v>
      </c>
      <c r="C15" s="12">
        <v>240256900</v>
      </c>
      <c r="D15" s="12">
        <v>244256900</v>
      </c>
      <c r="E15" s="12">
        <v>5956776.7699999996</v>
      </c>
      <c r="F15" s="12">
        <v>180153498.49000001</v>
      </c>
      <c r="G15" s="12">
        <v>1.65</v>
      </c>
      <c r="H15" s="12">
        <v>64103401.509999998</v>
      </c>
      <c r="I15" s="12">
        <v>28268844.370000001</v>
      </c>
      <c r="J15" s="12">
        <v>118192221.48</v>
      </c>
      <c r="K15" s="12">
        <v>1.22</v>
      </c>
      <c r="L15" s="12">
        <v>126064678.52</v>
      </c>
    </row>
    <row r="16" spans="1:12" x14ac:dyDescent="0.25">
      <c r="A16" s="2" t="s">
        <v>25</v>
      </c>
      <c r="B16" s="4" t="s">
        <v>632</v>
      </c>
      <c r="C16" s="12">
        <v>1700000</v>
      </c>
      <c r="D16" s="12">
        <v>1700000</v>
      </c>
      <c r="E16" s="12">
        <v>0</v>
      </c>
      <c r="F16" s="12">
        <v>1605889.96</v>
      </c>
      <c r="G16" s="12">
        <v>0.01</v>
      </c>
      <c r="H16" s="12">
        <v>94110.04</v>
      </c>
      <c r="I16" s="12">
        <v>249979.07</v>
      </c>
      <c r="J16" s="12">
        <v>996054.93</v>
      </c>
      <c r="K16" s="12">
        <v>0.01</v>
      </c>
      <c r="L16" s="12">
        <v>703945.07</v>
      </c>
    </row>
    <row r="17" spans="1:12" x14ac:dyDescent="0.25">
      <c r="A17" s="3" t="s">
        <v>27</v>
      </c>
      <c r="B17" s="5" t="s">
        <v>633</v>
      </c>
      <c r="C17" s="11">
        <v>984189600</v>
      </c>
      <c r="D17" s="11">
        <v>1007094600</v>
      </c>
      <c r="E17" s="11">
        <v>17428029.719999999</v>
      </c>
      <c r="F17" s="11">
        <v>906776437.28999996</v>
      </c>
      <c r="G17" s="11">
        <v>8.2899999999999991</v>
      </c>
      <c r="H17" s="11">
        <v>100318162.70999999</v>
      </c>
      <c r="I17" s="11">
        <v>134081154.29000001</v>
      </c>
      <c r="J17" s="11">
        <v>556549593.71000004</v>
      </c>
      <c r="K17" s="11">
        <v>5.73</v>
      </c>
      <c r="L17" s="11">
        <v>450545006.29000002</v>
      </c>
    </row>
    <row r="18" spans="1:12" x14ac:dyDescent="0.25">
      <c r="A18" s="2" t="s">
        <v>29</v>
      </c>
      <c r="B18" s="4" t="s">
        <v>634</v>
      </c>
      <c r="C18" s="12">
        <v>146613800</v>
      </c>
      <c r="D18" s="12">
        <v>169953800</v>
      </c>
      <c r="E18" s="12">
        <v>13620175.720000001</v>
      </c>
      <c r="F18" s="12">
        <v>134883125.15000001</v>
      </c>
      <c r="G18" s="12">
        <v>1.23</v>
      </c>
      <c r="H18" s="12">
        <v>35070674.850000001</v>
      </c>
      <c r="I18" s="12">
        <v>22612423.629999999</v>
      </c>
      <c r="J18" s="12">
        <v>85213231.870000005</v>
      </c>
      <c r="K18" s="12">
        <v>0.88</v>
      </c>
      <c r="L18" s="12">
        <v>84740568.129999995</v>
      </c>
    </row>
    <row r="19" spans="1:12" x14ac:dyDescent="0.25">
      <c r="A19" s="2" t="s">
        <v>31</v>
      </c>
      <c r="B19" s="4" t="s">
        <v>635</v>
      </c>
      <c r="C19" s="12">
        <v>790507600</v>
      </c>
      <c r="D19" s="12">
        <v>790012600</v>
      </c>
      <c r="E19" s="12">
        <v>1952292.35</v>
      </c>
      <c r="F19" s="12">
        <v>745154908.25</v>
      </c>
      <c r="G19" s="12">
        <v>6.81</v>
      </c>
      <c r="H19" s="12">
        <v>44857691.75</v>
      </c>
      <c r="I19" s="12">
        <v>108095557.63</v>
      </c>
      <c r="J19" s="12">
        <v>457339279.88999999</v>
      </c>
      <c r="K19" s="12">
        <v>4.71</v>
      </c>
      <c r="L19" s="12">
        <v>332673320.11000001</v>
      </c>
    </row>
    <row r="20" spans="1:12" x14ac:dyDescent="0.25">
      <c r="A20" s="2" t="s">
        <v>33</v>
      </c>
      <c r="B20" s="4" t="s">
        <v>636</v>
      </c>
      <c r="C20" s="12">
        <v>40414000</v>
      </c>
      <c r="D20" s="12">
        <v>40414000</v>
      </c>
      <c r="E20" s="12">
        <v>1716316.63</v>
      </c>
      <c r="F20" s="12">
        <v>21148245.600000001</v>
      </c>
      <c r="G20" s="12">
        <v>0.19</v>
      </c>
      <c r="H20" s="12">
        <v>19265754.399999999</v>
      </c>
      <c r="I20" s="12">
        <v>2965063.67</v>
      </c>
      <c r="J20" s="12">
        <v>12213776.949999999</v>
      </c>
      <c r="K20" s="12">
        <v>0.13</v>
      </c>
      <c r="L20" s="12">
        <v>28200223.050000001</v>
      </c>
    </row>
    <row r="21" spans="1:12" x14ac:dyDescent="0.25">
      <c r="A21" s="2" t="s">
        <v>35</v>
      </c>
      <c r="B21" s="4" t="s">
        <v>637</v>
      </c>
      <c r="C21" s="12">
        <v>2860200</v>
      </c>
      <c r="D21" s="12">
        <v>2860200</v>
      </c>
      <c r="E21" s="12">
        <v>40945.019999999997</v>
      </c>
      <c r="F21" s="12">
        <v>1928953.12</v>
      </c>
      <c r="G21" s="12">
        <v>0.02</v>
      </c>
      <c r="H21" s="12">
        <v>931246.88</v>
      </c>
      <c r="I21" s="12">
        <v>50675.33</v>
      </c>
      <c r="J21" s="12">
        <v>430236.57</v>
      </c>
      <c r="K21" s="12">
        <v>0</v>
      </c>
      <c r="L21" s="12">
        <v>2429963.4300000002</v>
      </c>
    </row>
    <row r="22" spans="1:12" x14ac:dyDescent="0.25">
      <c r="A22" s="2" t="s">
        <v>37</v>
      </c>
      <c r="B22" s="4" t="s">
        <v>638</v>
      </c>
      <c r="C22" s="12">
        <v>3112000</v>
      </c>
      <c r="D22" s="12">
        <v>3172000</v>
      </c>
      <c r="E22" s="12">
        <v>98300</v>
      </c>
      <c r="F22" s="12">
        <v>2979205.17</v>
      </c>
      <c r="G22" s="12">
        <v>0.03</v>
      </c>
      <c r="H22" s="12">
        <v>192794.83</v>
      </c>
      <c r="I22" s="12">
        <v>248146.75</v>
      </c>
      <c r="J22" s="12">
        <v>917613.1</v>
      </c>
      <c r="K22" s="12">
        <v>0.01</v>
      </c>
      <c r="L22" s="12">
        <v>2254386.9</v>
      </c>
    </row>
    <row r="23" spans="1:12" x14ac:dyDescent="0.25">
      <c r="A23" s="2" t="s">
        <v>39</v>
      </c>
      <c r="B23" s="4" t="s">
        <v>632</v>
      </c>
      <c r="C23" s="12">
        <v>682000</v>
      </c>
      <c r="D23" s="12">
        <v>682000</v>
      </c>
      <c r="E23" s="12">
        <v>0</v>
      </c>
      <c r="F23" s="12">
        <v>682000</v>
      </c>
      <c r="G23" s="12">
        <v>0.01</v>
      </c>
      <c r="H23" s="12">
        <v>0</v>
      </c>
      <c r="I23" s="12">
        <v>109287.28</v>
      </c>
      <c r="J23" s="12">
        <v>435455.33</v>
      </c>
      <c r="K23" s="12">
        <v>0</v>
      </c>
      <c r="L23" s="12">
        <v>246544.67</v>
      </c>
    </row>
    <row r="24" spans="1:12" x14ac:dyDescent="0.25">
      <c r="A24" s="3" t="s">
        <v>41</v>
      </c>
      <c r="B24" s="5" t="s">
        <v>639</v>
      </c>
      <c r="C24" s="11">
        <v>905827000</v>
      </c>
      <c r="D24" s="11">
        <v>921822606</v>
      </c>
      <c r="E24" s="11">
        <v>153767107.22999999</v>
      </c>
      <c r="F24" s="11">
        <v>612147358.53999996</v>
      </c>
      <c r="G24" s="11">
        <v>5.6</v>
      </c>
      <c r="H24" s="11">
        <v>309675247.45999998</v>
      </c>
      <c r="I24" s="11">
        <v>153869048.53999999</v>
      </c>
      <c r="J24" s="11">
        <v>557357029.38</v>
      </c>
      <c r="K24" s="11">
        <v>5.74</v>
      </c>
      <c r="L24" s="11">
        <v>364465576.62</v>
      </c>
    </row>
    <row r="25" spans="1:12" x14ac:dyDescent="0.25">
      <c r="A25" s="2" t="s">
        <v>43</v>
      </c>
      <c r="B25" s="4" t="s">
        <v>640</v>
      </c>
      <c r="C25" s="12">
        <v>443051100</v>
      </c>
      <c r="D25" s="12">
        <v>459983206</v>
      </c>
      <c r="E25" s="12">
        <v>67226482.140000001</v>
      </c>
      <c r="F25" s="12">
        <v>290319108.10000002</v>
      </c>
      <c r="G25" s="12">
        <v>2.65</v>
      </c>
      <c r="H25" s="12">
        <v>169664097.90000001</v>
      </c>
      <c r="I25" s="12">
        <v>66675604.020000003</v>
      </c>
      <c r="J25" s="12">
        <v>241061794.47</v>
      </c>
      <c r="K25" s="12">
        <v>2.48</v>
      </c>
      <c r="L25" s="12">
        <v>218921411.53</v>
      </c>
    </row>
    <row r="26" spans="1:12" x14ac:dyDescent="0.25">
      <c r="A26" s="2" t="s">
        <v>45</v>
      </c>
      <c r="B26" s="4" t="s">
        <v>641</v>
      </c>
      <c r="C26" s="12">
        <v>89446400</v>
      </c>
      <c r="D26" s="12">
        <v>88473270</v>
      </c>
      <c r="E26" s="12">
        <v>8770232.9800000004</v>
      </c>
      <c r="F26" s="12">
        <v>45543994.670000002</v>
      </c>
      <c r="G26" s="12">
        <v>0.42</v>
      </c>
      <c r="H26" s="12">
        <v>42929275.329999998</v>
      </c>
      <c r="I26" s="12">
        <v>9650350.3300000001</v>
      </c>
      <c r="J26" s="12">
        <v>44641370.270000003</v>
      </c>
      <c r="K26" s="12">
        <v>0.46</v>
      </c>
      <c r="L26" s="12">
        <v>43831899.729999997</v>
      </c>
    </row>
    <row r="27" spans="1:12" x14ac:dyDescent="0.25">
      <c r="A27" s="2" t="s">
        <v>47</v>
      </c>
      <c r="B27" s="4" t="s">
        <v>635</v>
      </c>
      <c r="C27" s="12">
        <v>18932700</v>
      </c>
      <c r="D27" s="12">
        <v>18932700</v>
      </c>
      <c r="E27" s="12">
        <v>2275425.5099999998</v>
      </c>
      <c r="F27" s="12">
        <v>11372412.6</v>
      </c>
      <c r="G27" s="12">
        <v>0.1</v>
      </c>
      <c r="H27" s="12">
        <v>7560287.4000000004</v>
      </c>
      <c r="I27" s="12">
        <v>2082062.34</v>
      </c>
      <c r="J27" s="12">
        <v>7059566.21</v>
      </c>
      <c r="K27" s="12">
        <v>7.0000000000000007E-2</v>
      </c>
      <c r="L27" s="12">
        <v>11873133.789999999</v>
      </c>
    </row>
    <row r="28" spans="1:12" x14ac:dyDescent="0.25">
      <c r="A28" s="2" t="s">
        <v>49</v>
      </c>
      <c r="B28" s="4" t="s">
        <v>637</v>
      </c>
      <c r="C28" s="12">
        <v>4589500</v>
      </c>
      <c r="D28" s="12">
        <v>4566130</v>
      </c>
      <c r="E28" s="12">
        <v>807423.44</v>
      </c>
      <c r="F28" s="12">
        <v>3836101.75</v>
      </c>
      <c r="G28" s="12">
        <v>0.04</v>
      </c>
      <c r="H28" s="12">
        <v>730028.25</v>
      </c>
      <c r="I28" s="12">
        <v>794409.69</v>
      </c>
      <c r="J28" s="12">
        <v>3716200.97</v>
      </c>
      <c r="K28" s="12">
        <v>0.04</v>
      </c>
      <c r="L28" s="12">
        <v>849929.03</v>
      </c>
    </row>
    <row r="29" spans="1:12" x14ac:dyDescent="0.25">
      <c r="A29" s="2" t="s">
        <v>51</v>
      </c>
      <c r="B29" s="4" t="s">
        <v>642</v>
      </c>
      <c r="C29" s="12">
        <v>169520100</v>
      </c>
      <c r="D29" s="12">
        <v>169580100</v>
      </c>
      <c r="E29" s="12">
        <v>25218212.530000001</v>
      </c>
      <c r="F29" s="12">
        <v>105009471.23999999</v>
      </c>
      <c r="G29" s="12">
        <v>0.96</v>
      </c>
      <c r="H29" s="12">
        <v>64570628.759999998</v>
      </c>
      <c r="I29" s="12">
        <v>25206585.170000002</v>
      </c>
      <c r="J29" s="12">
        <v>104829697.45</v>
      </c>
      <c r="K29" s="12">
        <v>1.08</v>
      </c>
      <c r="L29" s="12">
        <v>64750402.549999997</v>
      </c>
    </row>
    <row r="30" spans="1:12" x14ac:dyDescent="0.25">
      <c r="A30" s="2" t="s">
        <v>53</v>
      </c>
      <c r="B30" s="4" t="s">
        <v>632</v>
      </c>
      <c r="C30" s="12">
        <v>180287200</v>
      </c>
      <c r="D30" s="12">
        <v>180287200</v>
      </c>
      <c r="E30" s="12">
        <v>49469330.630000003</v>
      </c>
      <c r="F30" s="12">
        <v>156066270.18000001</v>
      </c>
      <c r="G30" s="12">
        <v>1.43</v>
      </c>
      <c r="H30" s="12">
        <v>24220929.82</v>
      </c>
      <c r="I30" s="12">
        <v>49460036.990000002</v>
      </c>
      <c r="J30" s="12">
        <v>156048400.00999999</v>
      </c>
      <c r="K30" s="12">
        <v>1.61</v>
      </c>
      <c r="L30" s="12">
        <v>24238799.989999998</v>
      </c>
    </row>
    <row r="31" spans="1:12" x14ac:dyDescent="0.25">
      <c r="A31" s="3" t="s">
        <v>55</v>
      </c>
      <c r="B31" s="5" t="s">
        <v>643</v>
      </c>
      <c r="C31" s="11">
        <v>1120539300</v>
      </c>
      <c r="D31" s="11">
        <v>1106678213.54</v>
      </c>
      <c r="E31" s="11">
        <v>103735548.48</v>
      </c>
      <c r="F31" s="11">
        <v>508467258.14999998</v>
      </c>
      <c r="G31" s="11">
        <v>4.6500000000000004</v>
      </c>
      <c r="H31" s="11">
        <v>598210955.38999999</v>
      </c>
      <c r="I31" s="11">
        <v>110511114.84999999</v>
      </c>
      <c r="J31" s="11">
        <v>478431799.44999999</v>
      </c>
      <c r="K31" s="11">
        <v>4.92</v>
      </c>
      <c r="L31" s="11">
        <v>628246414.09000003</v>
      </c>
    </row>
    <row r="32" spans="1:12" x14ac:dyDescent="0.25">
      <c r="A32" s="2" t="s">
        <v>57</v>
      </c>
      <c r="B32" s="4" t="s">
        <v>635</v>
      </c>
      <c r="C32" s="12">
        <v>1059130600</v>
      </c>
      <c r="D32" s="12">
        <v>1045315113.54</v>
      </c>
      <c r="E32" s="12">
        <v>100469788.52</v>
      </c>
      <c r="F32" s="12">
        <v>490117746.88</v>
      </c>
      <c r="G32" s="12">
        <v>4.4800000000000004</v>
      </c>
      <c r="H32" s="12">
        <v>555197366.65999997</v>
      </c>
      <c r="I32" s="12">
        <v>102736896.12</v>
      </c>
      <c r="J32" s="12">
        <v>460477617.91000003</v>
      </c>
      <c r="K32" s="12">
        <v>4.74</v>
      </c>
      <c r="L32" s="12">
        <v>584837495.63</v>
      </c>
    </row>
    <row r="33" spans="1:12" x14ac:dyDescent="0.25">
      <c r="A33" s="2" t="s">
        <v>59</v>
      </c>
      <c r="B33" s="4" t="s">
        <v>644</v>
      </c>
      <c r="C33" s="12">
        <v>24644300</v>
      </c>
      <c r="D33" s="12">
        <v>24644300</v>
      </c>
      <c r="E33" s="12">
        <v>78225</v>
      </c>
      <c r="F33" s="12">
        <v>4656722</v>
      </c>
      <c r="G33" s="12">
        <v>0.04</v>
      </c>
      <c r="H33" s="12">
        <v>19987578</v>
      </c>
      <c r="I33" s="12">
        <v>4553998</v>
      </c>
      <c r="J33" s="12">
        <v>4553998</v>
      </c>
      <c r="K33" s="12">
        <v>0.05</v>
      </c>
      <c r="L33" s="12">
        <v>20090302</v>
      </c>
    </row>
    <row r="34" spans="1:12" x14ac:dyDescent="0.25">
      <c r="A34" s="2" t="s">
        <v>61</v>
      </c>
      <c r="B34" s="4" t="s">
        <v>645</v>
      </c>
      <c r="C34" s="12">
        <v>13994900</v>
      </c>
      <c r="D34" s="12">
        <v>14060300</v>
      </c>
      <c r="E34" s="12">
        <v>1988454</v>
      </c>
      <c r="F34" s="12">
        <v>8400023.1699999999</v>
      </c>
      <c r="G34" s="12">
        <v>0.08</v>
      </c>
      <c r="H34" s="12">
        <v>5660276.8300000001</v>
      </c>
      <c r="I34" s="12">
        <v>2066962.67</v>
      </c>
      <c r="J34" s="12">
        <v>8255039.3200000003</v>
      </c>
      <c r="K34" s="12">
        <v>0.08</v>
      </c>
      <c r="L34" s="12">
        <v>5805260.6799999997</v>
      </c>
    </row>
    <row r="35" spans="1:12" x14ac:dyDescent="0.25">
      <c r="A35" s="2" t="s">
        <v>63</v>
      </c>
      <c r="B35" s="4" t="s">
        <v>636</v>
      </c>
      <c r="C35" s="12">
        <v>4800</v>
      </c>
      <c r="D35" s="12">
        <v>4800</v>
      </c>
      <c r="E35" s="12">
        <v>0</v>
      </c>
      <c r="F35" s="12">
        <v>0</v>
      </c>
      <c r="G35" s="12">
        <v>0</v>
      </c>
      <c r="H35" s="12">
        <v>4800</v>
      </c>
      <c r="I35" s="12">
        <v>0</v>
      </c>
      <c r="J35" s="12">
        <v>0</v>
      </c>
      <c r="K35" s="12">
        <v>0</v>
      </c>
      <c r="L35" s="12">
        <v>4800</v>
      </c>
    </row>
    <row r="36" spans="1:12" x14ac:dyDescent="0.25">
      <c r="A36" s="2" t="s">
        <v>65</v>
      </c>
      <c r="B36" s="4" t="s">
        <v>637</v>
      </c>
      <c r="C36" s="12">
        <v>10700000</v>
      </c>
      <c r="D36" s="12">
        <v>10700000</v>
      </c>
      <c r="E36" s="12">
        <v>19440</v>
      </c>
      <c r="F36" s="12">
        <v>38448</v>
      </c>
      <c r="G36" s="12">
        <v>0</v>
      </c>
      <c r="H36" s="12">
        <v>10661552</v>
      </c>
      <c r="I36" s="12">
        <v>19440</v>
      </c>
      <c r="J36" s="12">
        <v>38448</v>
      </c>
      <c r="K36" s="12">
        <v>0</v>
      </c>
      <c r="L36" s="12">
        <v>10661552</v>
      </c>
    </row>
    <row r="37" spans="1:12" x14ac:dyDescent="0.25">
      <c r="A37" s="2" t="s">
        <v>67</v>
      </c>
      <c r="B37" s="4" t="s">
        <v>646</v>
      </c>
      <c r="C37" s="12">
        <v>2300</v>
      </c>
      <c r="D37" s="12">
        <v>2300</v>
      </c>
      <c r="E37" s="12">
        <v>0</v>
      </c>
      <c r="F37" s="12">
        <v>0</v>
      </c>
      <c r="G37" s="12">
        <v>0</v>
      </c>
      <c r="H37" s="12">
        <v>2300</v>
      </c>
      <c r="I37" s="12">
        <v>0</v>
      </c>
      <c r="J37" s="12">
        <v>0</v>
      </c>
      <c r="K37" s="12">
        <v>0</v>
      </c>
      <c r="L37" s="12">
        <v>2300</v>
      </c>
    </row>
    <row r="38" spans="1:12" x14ac:dyDescent="0.25">
      <c r="A38" s="2" t="s">
        <v>69</v>
      </c>
      <c r="B38" s="4" t="s">
        <v>647</v>
      </c>
      <c r="C38" s="12">
        <v>12019400</v>
      </c>
      <c r="D38" s="12">
        <v>11908400</v>
      </c>
      <c r="E38" s="12">
        <v>1178644.96</v>
      </c>
      <c r="F38" s="12">
        <v>5230442.0999999996</v>
      </c>
      <c r="G38" s="12">
        <v>0.05</v>
      </c>
      <c r="H38" s="12">
        <v>6677957.9000000004</v>
      </c>
      <c r="I38" s="12">
        <v>1124842.06</v>
      </c>
      <c r="J38" s="12">
        <v>5082820.22</v>
      </c>
      <c r="K38" s="12">
        <v>0.05</v>
      </c>
      <c r="L38" s="12">
        <v>6825579.7800000003</v>
      </c>
    </row>
    <row r="39" spans="1:12" x14ac:dyDescent="0.25">
      <c r="A39" s="2" t="s">
        <v>71</v>
      </c>
      <c r="B39" s="4" t="s">
        <v>648</v>
      </c>
      <c r="C39" s="12">
        <v>43000</v>
      </c>
      <c r="D39" s="12">
        <v>43000</v>
      </c>
      <c r="E39" s="12">
        <v>996</v>
      </c>
      <c r="F39" s="12">
        <v>23876</v>
      </c>
      <c r="G39" s="12">
        <v>0</v>
      </c>
      <c r="H39" s="12">
        <v>19124</v>
      </c>
      <c r="I39" s="12">
        <v>8976</v>
      </c>
      <c r="J39" s="12">
        <v>23876</v>
      </c>
      <c r="K39" s="12">
        <v>0</v>
      </c>
      <c r="L39" s="12">
        <v>19124</v>
      </c>
    </row>
    <row r="40" spans="1:12" x14ac:dyDescent="0.25">
      <c r="A40" s="3" t="s">
        <v>73</v>
      </c>
      <c r="B40" s="5" t="s">
        <v>649</v>
      </c>
      <c r="C40" s="11">
        <v>1995135900</v>
      </c>
      <c r="D40" s="11">
        <v>1671217379.8800001</v>
      </c>
      <c r="E40" s="11">
        <v>186919291.88</v>
      </c>
      <c r="F40" s="11">
        <v>872951190.86000001</v>
      </c>
      <c r="G40" s="11">
        <v>7.97</v>
      </c>
      <c r="H40" s="11">
        <v>798266189.01999998</v>
      </c>
      <c r="I40" s="11">
        <v>190544097.05000001</v>
      </c>
      <c r="J40" s="11">
        <v>778410712.75999999</v>
      </c>
      <c r="K40" s="11">
        <v>8.01</v>
      </c>
      <c r="L40" s="11">
        <v>892806667.12</v>
      </c>
    </row>
    <row r="41" spans="1:12" x14ac:dyDescent="0.25">
      <c r="A41" s="2" t="s">
        <v>75</v>
      </c>
      <c r="B41" s="4" t="s">
        <v>635</v>
      </c>
      <c r="C41" s="12">
        <v>1871074900</v>
      </c>
      <c r="D41" s="12">
        <v>1519979541.8800001</v>
      </c>
      <c r="E41" s="12">
        <v>179315164.47999999</v>
      </c>
      <c r="F41" s="12">
        <v>840203112.38</v>
      </c>
      <c r="G41" s="12">
        <v>7.67</v>
      </c>
      <c r="H41" s="12">
        <v>679776429.5</v>
      </c>
      <c r="I41" s="12">
        <v>184843277.63999999</v>
      </c>
      <c r="J41" s="12">
        <v>768353567.88</v>
      </c>
      <c r="K41" s="12">
        <v>7.91</v>
      </c>
      <c r="L41" s="12">
        <v>751625974</v>
      </c>
    </row>
    <row r="42" spans="1:12" x14ac:dyDescent="0.25">
      <c r="A42" s="2" t="s">
        <v>77</v>
      </c>
      <c r="B42" s="4" t="s">
        <v>650</v>
      </c>
      <c r="C42" s="12">
        <v>124056900</v>
      </c>
      <c r="D42" s="12">
        <v>151233738</v>
      </c>
      <c r="E42" s="12">
        <v>7604127.4000000004</v>
      </c>
      <c r="F42" s="12">
        <v>32748078.48</v>
      </c>
      <c r="G42" s="12">
        <v>0.3</v>
      </c>
      <c r="H42" s="12">
        <v>118485659.52</v>
      </c>
      <c r="I42" s="12">
        <v>5700819.4100000001</v>
      </c>
      <c r="J42" s="12">
        <v>10057144.880000001</v>
      </c>
      <c r="K42" s="12">
        <v>0.1</v>
      </c>
      <c r="L42" s="12">
        <v>141176593.12</v>
      </c>
    </row>
    <row r="43" spans="1:12" x14ac:dyDescent="0.25">
      <c r="A43" s="2" t="s">
        <v>79</v>
      </c>
      <c r="B43" s="4" t="s">
        <v>651</v>
      </c>
      <c r="C43" s="12">
        <v>0</v>
      </c>
      <c r="D43" s="12">
        <v>0</v>
      </c>
      <c r="E43" s="12">
        <v>0</v>
      </c>
      <c r="F43" s="12">
        <v>0</v>
      </c>
      <c r="G43" s="12">
        <v>0</v>
      </c>
      <c r="H43" s="12">
        <v>0</v>
      </c>
      <c r="I43" s="12">
        <v>0</v>
      </c>
      <c r="J43" s="12">
        <v>0</v>
      </c>
      <c r="K43" s="12">
        <v>0</v>
      </c>
      <c r="L43" s="12">
        <v>0</v>
      </c>
    </row>
    <row r="44" spans="1:12" x14ac:dyDescent="0.25">
      <c r="A44" s="2" t="s">
        <v>81</v>
      </c>
      <c r="B44" s="4" t="s">
        <v>652</v>
      </c>
      <c r="C44" s="12">
        <v>500</v>
      </c>
      <c r="D44" s="12">
        <v>500</v>
      </c>
      <c r="E44" s="12">
        <v>0</v>
      </c>
      <c r="F44" s="12">
        <v>0</v>
      </c>
      <c r="G44" s="12">
        <v>0</v>
      </c>
      <c r="H44" s="12">
        <v>500</v>
      </c>
      <c r="I44" s="12">
        <v>0</v>
      </c>
      <c r="J44" s="12">
        <v>0</v>
      </c>
      <c r="K44" s="12">
        <v>0</v>
      </c>
      <c r="L44" s="12">
        <v>500</v>
      </c>
    </row>
    <row r="45" spans="1:12" x14ac:dyDescent="0.25">
      <c r="A45" s="2" t="s">
        <v>83</v>
      </c>
      <c r="B45" s="4" t="s">
        <v>653</v>
      </c>
      <c r="C45" s="12">
        <v>200</v>
      </c>
      <c r="D45" s="12">
        <v>200</v>
      </c>
      <c r="E45" s="12">
        <v>0</v>
      </c>
      <c r="F45" s="12">
        <v>0</v>
      </c>
      <c r="G45" s="12">
        <v>0</v>
      </c>
      <c r="H45" s="12">
        <v>200</v>
      </c>
      <c r="I45" s="12">
        <v>0</v>
      </c>
      <c r="J45" s="12">
        <v>0</v>
      </c>
      <c r="K45" s="12">
        <v>0</v>
      </c>
      <c r="L45" s="12">
        <v>200</v>
      </c>
    </row>
    <row r="46" spans="1:12" x14ac:dyDescent="0.25">
      <c r="A46" s="2" t="s">
        <v>85</v>
      </c>
      <c r="B46" s="4" t="s">
        <v>654</v>
      </c>
      <c r="C46" s="12">
        <v>3400</v>
      </c>
      <c r="D46" s="12">
        <v>3400</v>
      </c>
      <c r="E46" s="12">
        <v>0</v>
      </c>
      <c r="F46" s="12">
        <v>0</v>
      </c>
      <c r="G46" s="12">
        <v>0</v>
      </c>
      <c r="H46" s="12">
        <v>3400</v>
      </c>
      <c r="I46" s="12">
        <v>0</v>
      </c>
      <c r="J46" s="12">
        <v>0</v>
      </c>
      <c r="K46" s="12">
        <v>0</v>
      </c>
      <c r="L46" s="12">
        <v>3400</v>
      </c>
    </row>
    <row r="47" spans="1:12" x14ac:dyDescent="0.25">
      <c r="A47" s="3" t="s">
        <v>87</v>
      </c>
      <c r="B47" s="5" t="s">
        <v>655</v>
      </c>
      <c r="C47" s="11">
        <v>223573700</v>
      </c>
      <c r="D47" s="11">
        <v>240140100</v>
      </c>
      <c r="E47" s="11">
        <v>27933161.890000001</v>
      </c>
      <c r="F47" s="11">
        <v>120210346.48999999</v>
      </c>
      <c r="G47" s="11">
        <v>1.1000000000000001</v>
      </c>
      <c r="H47" s="11">
        <v>119929753.51000001</v>
      </c>
      <c r="I47" s="11">
        <v>27919960.32</v>
      </c>
      <c r="J47" s="11">
        <v>115676523.88</v>
      </c>
      <c r="K47" s="11">
        <v>1.19</v>
      </c>
      <c r="L47" s="11">
        <v>124463576.12</v>
      </c>
    </row>
    <row r="48" spans="1:12" x14ac:dyDescent="0.25">
      <c r="A48" s="2" t="s">
        <v>89</v>
      </c>
      <c r="B48" s="4" t="s">
        <v>635</v>
      </c>
      <c r="C48" s="12">
        <v>54779300</v>
      </c>
      <c r="D48" s="12">
        <v>54844800</v>
      </c>
      <c r="E48" s="12">
        <v>7761876.5</v>
      </c>
      <c r="F48" s="12">
        <v>36887689.350000001</v>
      </c>
      <c r="G48" s="12">
        <v>0.34</v>
      </c>
      <c r="H48" s="12">
        <v>17957110.649999999</v>
      </c>
      <c r="I48" s="12">
        <v>7954545.1600000001</v>
      </c>
      <c r="J48" s="12">
        <v>36554362.509999998</v>
      </c>
      <c r="K48" s="12">
        <v>0.38</v>
      </c>
      <c r="L48" s="12">
        <v>18290437.489999998</v>
      </c>
    </row>
    <row r="49" spans="1:12" x14ac:dyDescent="0.25">
      <c r="A49" s="2" t="s">
        <v>91</v>
      </c>
      <c r="B49" s="4" t="s">
        <v>656</v>
      </c>
      <c r="C49" s="12">
        <v>5553200</v>
      </c>
      <c r="D49" s="12">
        <v>5553200</v>
      </c>
      <c r="E49" s="12">
        <v>0</v>
      </c>
      <c r="F49" s="12">
        <v>0</v>
      </c>
      <c r="G49" s="12">
        <v>0</v>
      </c>
      <c r="H49" s="12">
        <v>5553200</v>
      </c>
      <c r="I49" s="12">
        <v>0</v>
      </c>
      <c r="J49" s="12">
        <v>0</v>
      </c>
      <c r="K49" s="12">
        <v>0</v>
      </c>
      <c r="L49" s="12">
        <v>5553200</v>
      </c>
    </row>
    <row r="50" spans="1:12" x14ac:dyDescent="0.25">
      <c r="A50" s="2" t="s">
        <v>93</v>
      </c>
      <c r="B50" s="4" t="s">
        <v>653</v>
      </c>
      <c r="C50" s="12">
        <v>1113000</v>
      </c>
      <c r="D50" s="12">
        <v>1652100</v>
      </c>
      <c r="E50" s="12">
        <v>0</v>
      </c>
      <c r="F50" s="12">
        <v>0</v>
      </c>
      <c r="G50" s="12">
        <v>0</v>
      </c>
      <c r="H50" s="12">
        <v>1652100</v>
      </c>
      <c r="I50" s="12">
        <v>0</v>
      </c>
      <c r="J50" s="12">
        <v>0</v>
      </c>
      <c r="K50" s="12">
        <v>0</v>
      </c>
      <c r="L50" s="12">
        <v>1652100</v>
      </c>
    </row>
    <row r="51" spans="1:12" x14ac:dyDescent="0.25">
      <c r="A51" s="2" t="s">
        <v>95</v>
      </c>
      <c r="B51" s="4" t="s">
        <v>657</v>
      </c>
      <c r="C51" s="12">
        <v>138719200</v>
      </c>
      <c r="D51" s="12">
        <v>154981000</v>
      </c>
      <c r="E51" s="12">
        <v>18628672.140000001</v>
      </c>
      <c r="F51" s="12">
        <v>74775008.140000001</v>
      </c>
      <c r="G51" s="12">
        <v>0.68</v>
      </c>
      <c r="H51" s="12">
        <v>80205991.859999999</v>
      </c>
      <c r="I51" s="12">
        <v>18448514.379999999</v>
      </c>
      <c r="J51" s="12">
        <v>70875649.010000005</v>
      </c>
      <c r="K51" s="12">
        <v>0.73</v>
      </c>
      <c r="L51" s="12">
        <v>84105350.989999995</v>
      </c>
    </row>
    <row r="52" spans="1:12" x14ac:dyDescent="0.25">
      <c r="A52" s="2" t="s">
        <v>97</v>
      </c>
      <c r="B52" s="4" t="s">
        <v>658</v>
      </c>
      <c r="C52" s="12">
        <v>22000000</v>
      </c>
      <c r="D52" s="12">
        <v>22000000</v>
      </c>
      <c r="E52" s="12">
        <v>1540779.83</v>
      </c>
      <c r="F52" s="12">
        <v>8540333.5899999999</v>
      </c>
      <c r="G52" s="12">
        <v>0.08</v>
      </c>
      <c r="H52" s="12">
        <v>13459666.41</v>
      </c>
      <c r="I52" s="12">
        <v>1515066.44</v>
      </c>
      <c r="J52" s="12">
        <v>8239203.5199999996</v>
      </c>
      <c r="K52" s="12">
        <v>0.08</v>
      </c>
      <c r="L52" s="12">
        <v>13760796.48</v>
      </c>
    </row>
    <row r="53" spans="1:12" x14ac:dyDescent="0.25">
      <c r="A53" s="2" t="s">
        <v>99</v>
      </c>
      <c r="B53" s="4" t="s">
        <v>642</v>
      </c>
      <c r="C53" s="12">
        <v>1398300</v>
      </c>
      <c r="D53" s="12">
        <v>1098300</v>
      </c>
      <c r="E53" s="12">
        <v>0</v>
      </c>
      <c r="F53" s="12">
        <v>0</v>
      </c>
      <c r="G53" s="12">
        <v>0</v>
      </c>
      <c r="H53" s="12">
        <v>1098300</v>
      </c>
      <c r="I53" s="12">
        <v>0</v>
      </c>
      <c r="J53" s="12">
        <v>0</v>
      </c>
      <c r="K53" s="12">
        <v>0</v>
      </c>
      <c r="L53" s="12">
        <v>1098300</v>
      </c>
    </row>
    <row r="54" spans="1:12" x14ac:dyDescent="0.25">
      <c r="A54" s="2" t="s">
        <v>101</v>
      </c>
      <c r="B54" s="4" t="s">
        <v>659</v>
      </c>
      <c r="C54" s="12">
        <v>10700</v>
      </c>
      <c r="D54" s="12">
        <v>10700</v>
      </c>
      <c r="E54" s="12">
        <v>1833.42</v>
      </c>
      <c r="F54" s="12">
        <v>7315.41</v>
      </c>
      <c r="G54" s="12">
        <v>0</v>
      </c>
      <c r="H54" s="12">
        <v>3384.59</v>
      </c>
      <c r="I54" s="12">
        <v>1834.34</v>
      </c>
      <c r="J54" s="12">
        <v>7308.84</v>
      </c>
      <c r="K54" s="12">
        <v>0</v>
      </c>
      <c r="L54" s="12">
        <v>3391.16</v>
      </c>
    </row>
    <row r="55" spans="1:12" x14ac:dyDescent="0.25">
      <c r="A55" s="3" t="s">
        <v>103</v>
      </c>
      <c r="B55" s="5" t="s">
        <v>660</v>
      </c>
      <c r="C55" s="11">
        <v>2038173000</v>
      </c>
      <c r="D55" s="11">
        <v>2549978000</v>
      </c>
      <c r="E55" s="11">
        <v>523380978.52999997</v>
      </c>
      <c r="F55" s="11">
        <v>2507466535.4299998</v>
      </c>
      <c r="G55" s="11">
        <v>22.9</v>
      </c>
      <c r="H55" s="11">
        <v>42511464.57</v>
      </c>
      <c r="I55" s="11">
        <v>544442278</v>
      </c>
      <c r="J55" s="11">
        <v>2475738903.2600002</v>
      </c>
      <c r="K55" s="11">
        <v>25.48</v>
      </c>
      <c r="L55" s="11">
        <v>74239096.739999995</v>
      </c>
    </row>
    <row r="56" spans="1:12" x14ac:dyDescent="0.25">
      <c r="A56" s="2" t="s">
        <v>105</v>
      </c>
      <c r="B56" s="4" t="s">
        <v>647</v>
      </c>
      <c r="C56" s="12">
        <v>2038173000</v>
      </c>
      <c r="D56" s="12">
        <v>2549978000</v>
      </c>
      <c r="E56" s="12">
        <v>523380978.52999997</v>
      </c>
      <c r="F56" s="12">
        <v>2507466535.4299998</v>
      </c>
      <c r="G56" s="12">
        <v>22.9</v>
      </c>
      <c r="H56" s="12">
        <v>42511464.57</v>
      </c>
      <c r="I56" s="12">
        <v>544442278</v>
      </c>
      <c r="J56" s="12">
        <v>2475738903.2600002</v>
      </c>
      <c r="K56" s="12">
        <v>25.48</v>
      </c>
      <c r="L56" s="12">
        <v>74239096.739999995</v>
      </c>
    </row>
    <row r="57" spans="1:12" x14ac:dyDescent="0.25">
      <c r="A57" s="3" t="s">
        <v>107</v>
      </c>
      <c r="B57" s="5" t="s">
        <v>661</v>
      </c>
      <c r="C57" s="11">
        <v>1553881400</v>
      </c>
      <c r="D57" s="11">
        <v>1751392743.99</v>
      </c>
      <c r="E57" s="11">
        <v>268973261.38</v>
      </c>
      <c r="F57" s="11">
        <v>1060947640.65</v>
      </c>
      <c r="G57" s="11">
        <v>9.68</v>
      </c>
      <c r="H57" s="11">
        <v>690445103.34000003</v>
      </c>
      <c r="I57" s="11">
        <v>271623730.62</v>
      </c>
      <c r="J57" s="11">
        <v>927295919.63</v>
      </c>
      <c r="K57" s="11">
        <v>9.5399999999999991</v>
      </c>
      <c r="L57" s="11">
        <v>824096824.36000001</v>
      </c>
    </row>
    <row r="58" spans="1:12" x14ac:dyDescent="0.25">
      <c r="A58" s="2" t="s">
        <v>109</v>
      </c>
      <c r="B58" s="4" t="s">
        <v>635</v>
      </c>
      <c r="C58" s="12">
        <v>357432100</v>
      </c>
      <c r="D58" s="12">
        <v>389963449.06999999</v>
      </c>
      <c r="E58" s="12">
        <v>76921178.189999998</v>
      </c>
      <c r="F58" s="12">
        <v>309252845.13999999</v>
      </c>
      <c r="G58" s="12">
        <v>2.82</v>
      </c>
      <c r="H58" s="12">
        <v>80710603.930000007</v>
      </c>
      <c r="I58" s="12">
        <v>76230457.099999994</v>
      </c>
      <c r="J58" s="12">
        <v>295049395.67000002</v>
      </c>
      <c r="K58" s="12">
        <v>3.04</v>
      </c>
      <c r="L58" s="12">
        <v>94914053.400000006</v>
      </c>
    </row>
    <row r="59" spans="1:12" x14ac:dyDescent="0.25">
      <c r="A59" s="2" t="s">
        <v>111</v>
      </c>
      <c r="B59" s="4" t="s">
        <v>637</v>
      </c>
      <c r="C59" s="12">
        <v>5647300</v>
      </c>
      <c r="D59" s="12">
        <v>5647300</v>
      </c>
      <c r="E59" s="12">
        <v>147375.74</v>
      </c>
      <c r="F59" s="12">
        <v>1526787.74</v>
      </c>
      <c r="G59" s="12">
        <v>0.01</v>
      </c>
      <c r="H59" s="12">
        <v>4120512.26</v>
      </c>
      <c r="I59" s="12">
        <v>84139.87</v>
      </c>
      <c r="J59" s="12">
        <v>366829.37</v>
      </c>
      <c r="K59" s="12">
        <v>0</v>
      </c>
      <c r="L59" s="12">
        <v>5280470.63</v>
      </c>
    </row>
    <row r="60" spans="1:12" x14ac:dyDescent="0.25">
      <c r="A60" s="2" t="s">
        <v>113</v>
      </c>
      <c r="B60" s="4" t="s">
        <v>662</v>
      </c>
      <c r="C60" s="12">
        <v>70490200</v>
      </c>
      <c r="D60" s="12">
        <v>63294628</v>
      </c>
      <c r="E60" s="12">
        <v>9503232.1899999995</v>
      </c>
      <c r="F60" s="12">
        <v>48780641.369999997</v>
      </c>
      <c r="G60" s="12">
        <v>0.45</v>
      </c>
      <c r="H60" s="12">
        <v>14513986.630000001</v>
      </c>
      <c r="I60" s="12">
        <v>10423959.960000001</v>
      </c>
      <c r="J60" s="12">
        <v>40787192.789999999</v>
      </c>
      <c r="K60" s="12">
        <v>0.42</v>
      </c>
      <c r="L60" s="12">
        <v>22507435.210000001</v>
      </c>
    </row>
    <row r="61" spans="1:12" x14ac:dyDescent="0.25">
      <c r="A61" s="2" t="s">
        <v>115</v>
      </c>
      <c r="B61" s="4" t="s">
        <v>663</v>
      </c>
      <c r="C61" s="12">
        <v>962870800</v>
      </c>
      <c r="D61" s="12">
        <v>926836142.34000003</v>
      </c>
      <c r="E61" s="12">
        <v>132098009.73999999</v>
      </c>
      <c r="F61" s="12">
        <v>494484755.06</v>
      </c>
      <c r="G61" s="12">
        <v>4.5199999999999996</v>
      </c>
      <c r="H61" s="12">
        <v>432351387.27999997</v>
      </c>
      <c r="I61" s="12">
        <v>136557663.55000001</v>
      </c>
      <c r="J61" s="12">
        <v>434620423.08999997</v>
      </c>
      <c r="K61" s="12">
        <v>4.47</v>
      </c>
      <c r="L61" s="12">
        <v>492215719.25</v>
      </c>
    </row>
    <row r="62" spans="1:12" x14ac:dyDescent="0.25">
      <c r="A62" s="2" t="s">
        <v>117</v>
      </c>
      <c r="B62" s="4" t="s">
        <v>664</v>
      </c>
      <c r="C62" s="12">
        <v>86673100</v>
      </c>
      <c r="D62" s="12">
        <v>96432562</v>
      </c>
      <c r="E62" s="12">
        <v>10432802.949999999</v>
      </c>
      <c r="F62" s="12">
        <v>33718606.270000003</v>
      </c>
      <c r="G62" s="12">
        <v>0.31</v>
      </c>
      <c r="H62" s="12">
        <v>62713955.729999997</v>
      </c>
      <c r="I62" s="12">
        <v>7874337.3200000003</v>
      </c>
      <c r="J62" s="12">
        <v>25943192.300000001</v>
      </c>
      <c r="K62" s="12">
        <v>0.27</v>
      </c>
      <c r="L62" s="12">
        <v>70489369.700000003</v>
      </c>
    </row>
    <row r="63" spans="1:12" x14ac:dyDescent="0.25">
      <c r="A63" s="2" t="s">
        <v>119</v>
      </c>
      <c r="B63" s="4" t="s">
        <v>665</v>
      </c>
      <c r="C63" s="12">
        <v>1982000</v>
      </c>
      <c r="D63" s="12">
        <v>2482000</v>
      </c>
      <c r="E63" s="12">
        <v>400019.72</v>
      </c>
      <c r="F63" s="12">
        <v>501207.19</v>
      </c>
      <c r="G63" s="12">
        <v>0</v>
      </c>
      <c r="H63" s="12">
        <v>1980792.81</v>
      </c>
      <c r="I63" s="12">
        <v>142802.04999999999</v>
      </c>
      <c r="J63" s="12">
        <v>180647.83</v>
      </c>
      <c r="K63" s="12">
        <v>0</v>
      </c>
      <c r="L63" s="12">
        <v>2301352.17</v>
      </c>
    </row>
    <row r="64" spans="1:12" x14ac:dyDescent="0.25">
      <c r="A64" s="2" t="s">
        <v>120</v>
      </c>
      <c r="B64" s="4" t="s">
        <v>666</v>
      </c>
      <c r="C64" s="12">
        <v>32947500</v>
      </c>
      <c r="D64" s="12">
        <v>230862262.58000001</v>
      </c>
      <c r="E64" s="12">
        <v>33719417.039999999</v>
      </c>
      <c r="F64" s="12">
        <v>151225385.28</v>
      </c>
      <c r="G64" s="12">
        <v>1.38</v>
      </c>
      <c r="H64" s="12">
        <v>79636877.299999997</v>
      </c>
      <c r="I64" s="12">
        <v>34836256.240000002</v>
      </c>
      <c r="J64" s="12">
        <v>111951837.62</v>
      </c>
      <c r="K64" s="12">
        <v>1.1499999999999999</v>
      </c>
      <c r="L64" s="12">
        <v>118910424.95999999</v>
      </c>
    </row>
    <row r="65" spans="1:12" x14ac:dyDescent="0.25">
      <c r="A65" s="2" t="s">
        <v>121</v>
      </c>
      <c r="B65" s="4" t="s">
        <v>667</v>
      </c>
      <c r="C65" s="12">
        <v>34239500</v>
      </c>
      <c r="D65" s="12">
        <v>34239500</v>
      </c>
      <c r="E65" s="12">
        <v>5686352.2400000002</v>
      </c>
      <c r="F65" s="12">
        <v>21008990.969999999</v>
      </c>
      <c r="G65" s="12">
        <v>0.19</v>
      </c>
      <c r="H65" s="12">
        <v>13230509.029999999</v>
      </c>
      <c r="I65" s="12">
        <v>5409149.3200000003</v>
      </c>
      <c r="J65" s="12">
        <v>18132720.030000001</v>
      </c>
      <c r="K65" s="12">
        <v>0.19</v>
      </c>
      <c r="L65" s="12">
        <v>16106779.970000001</v>
      </c>
    </row>
    <row r="66" spans="1:12" x14ac:dyDescent="0.25">
      <c r="A66" s="2" t="s">
        <v>122</v>
      </c>
      <c r="B66" s="4" t="s">
        <v>668</v>
      </c>
      <c r="C66" s="12">
        <v>0</v>
      </c>
      <c r="D66" s="12">
        <v>0</v>
      </c>
      <c r="E66" s="12">
        <v>0</v>
      </c>
      <c r="F66" s="12">
        <v>0</v>
      </c>
      <c r="G66" s="12">
        <v>0</v>
      </c>
      <c r="H66" s="12">
        <v>0</v>
      </c>
      <c r="I66" s="12">
        <v>0</v>
      </c>
      <c r="J66" s="12">
        <v>0</v>
      </c>
      <c r="K66" s="12">
        <v>0</v>
      </c>
      <c r="L66" s="12">
        <v>0</v>
      </c>
    </row>
    <row r="67" spans="1:12" x14ac:dyDescent="0.25">
      <c r="A67" s="2" t="s">
        <v>123</v>
      </c>
      <c r="B67" s="4" t="s">
        <v>669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  <c r="J67" s="12">
        <v>0</v>
      </c>
      <c r="K67" s="12">
        <v>0</v>
      </c>
      <c r="L67" s="12">
        <v>0</v>
      </c>
    </row>
    <row r="68" spans="1:12" x14ac:dyDescent="0.25">
      <c r="A68" s="2" t="s">
        <v>124</v>
      </c>
      <c r="B68" s="4" t="s">
        <v>642</v>
      </c>
      <c r="C68" s="12">
        <v>1210200</v>
      </c>
      <c r="D68" s="12">
        <v>1225200</v>
      </c>
      <c r="E68" s="12">
        <v>0</v>
      </c>
      <c r="F68" s="12">
        <v>168593.66</v>
      </c>
      <c r="G68" s="12">
        <v>0</v>
      </c>
      <c r="H68" s="12">
        <v>1056606.3400000001</v>
      </c>
      <c r="I68" s="12">
        <v>0</v>
      </c>
      <c r="J68" s="12">
        <v>4901.74</v>
      </c>
      <c r="K68" s="12">
        <v>0</v>
      </c>
      <c r="L68" s="12">
        <v>1220298.26</v>
      </c>
    </row>
    <row r="69" spans="1:12" x14ac:dyDescent="0.25">
      <c r="A69" s="2" t="s">
        <v>125</v>
      </c>
      <c r="B69" s="4" t="s">
        <v>670</v>
      </c>
      <c r="C69" s="12">
        <v>0</v>
      </c>
      <c r="D69" s="12">
        <v>0</v>
      </c>
      <c r="E69" s="12">
        <v>0</v>
      </c>
      <c r="F69" s="12">
        <v>0</v>
      </c>
      <c r="G69" s="12">
        <v>0</v>
      </c>
      <c r="H69" s="12">
        <v>0</v>
      </c>
      <c r="I69" s="12">
        <v>0</v>
      </c>
      <c r="J69" s="12">
        <v>0</v>
      </c>
      <c r="K69" s="12">
        <v>0</v>
      </c>
      <c r="L69" s="12">
        <v>0</v>
      </c>
    </row>
    <row r="70" spans="1:12" x14ac:dyDescent="0.25">
      <c r="A70" s="2" t="s">
        <v>126</v>
      </c>
      <c r="B70" s="4" t="s">
        <v>659</v>
      </c>
      <c r="C70" s="12">
        <v>388700</v>
      </c>
      <c r="D70" s="12">
        <v>409700</v>
      </c>
      <c r="E70" s="12">
        <v>64873.57</v>
      </c>
      <c r="F70" s="12">
        <v>279827.96999999997</v>
      </c>
      <c r="G70" s="12">
        <v>0</v>
      </c>
      <c r="H70" s="12">
        <v>129872.03</v>
      </c>
      <c r="I70" s="12">
        <v>64965.21</v>
      </c>
      <c r="J70" s="12">
        <v>258779.19</v>
      </c>
      <c r="K70" s="12">
        <v>0</v>
      </c>
      <c r="L70" s="12">
        <v>150920.81</v>
      </c>
    </row>
    <row r="71" spans="1:12" x14ac:dyDescent="0.25">
      <c r="A71" s="3" t="s">
        <v>127</v>
      </c>
      <c r="B71" s="5" t="s">
        <v>671</v>
      </c>
      <c r="C71" s="11">
        <v>9596800</v>
      </c>
      <c r="D71" s="11">
        <v>11785664.08</v>
      </c>
      <c r="E71" s="11">
        <v>983984.22</v>
      </c>
      <c r="F71" s="11">
        <v>6518736.1500000004</v>
      </c>
      <c r="G71" s="11">
        <v>0.06</v>
      </c>
      <c r="H71" s="11">
        <v>5266927.93</v>
      </c>
      <c r="I71" s="11">
        <v>952326.91</v>
      </c>
      <c r="J71" s="11">
        <v>6280990.6500000004</v>
      </c>
      <c r="K71" s="11">
        <v>0.06</v>
      </c>
      <c r="L71" s="11">
        <v>5504673.4299999997</v>
      </c>
    </row>
    <row r="72" spans="1:12" x14ac:dyDescent="0.25">
      <c r="A72" s="2" t="s">
        <v>129</v>
      </c>
      <c r="B72" s="4" t="s">
        <v>635</v>
      </c>
      <c r="C72" s="12">
        <v>9259200</v>
      </c>
      <c r="D72" s="12">
        <v>9240250</v>
      </c>
      <c r="E72" s="12">
        <v>973891.29</v>
      </c>
      <c r="F72" s="12">
        <v>4262449.0999999996</v>
      </c>
      <c r="G72" s="12">
        <v>0.04</v>
      </c>
      <c r="H72" s="12">
        <v>4977800.9000000004</v>
      </c>
      <c r="I72" s="12">
        <v>942233.98</v>
      </c>
      <c r="J72" s="12">
        <v>4024703.6</v>
      </c>
      <c r="K72" s="12">
        <v>0.04</v>
      </c>
      <c r="L72" s="12">
        <v>5215546.4000000004</v>
      </c>
    </row>
    <row r="73" spans="1:12" x14ac:dyDescent="0.25">
      <c r="A73" s="2" t="s">
        <v>131</v>
      </c>
      <c r="B73" s="4" t="s">
        <v>672</v>
      </c>
      <c r="C73" s="12">
        <v>278900</v>
      </c>
      <c r="D73" s="12">
        <v>2486714.08</v>
      </c>
      <c r="E73" s="12">
        <v>0</v>
      </c>
      <c r="F73" s="12">
        <v>2216071.73</v>
      </c>
      <c r="G73" s="12">
        <v>0.02</v>
      </c>
      <c r="H73" s="12">
        <v>270642.34999999998</v>
      </c>
      <c r="I73" s="12">
        <v>0</v>
      </c>
      <c r="J73" s="12">
        <v>2216071.73</v>
      </c>
      <c r="K73" s="12">
        <v>0.02</v>
      </c>
      <c r="L73" s="12">
        <v>270642.34999999998</v>
      </c>
    </row>
    <row r="74" spans="1:12" x14ac:dyDescent="0.25">
      <c r="A74" s="2" t="s">
        <v>133</v>
      </c>
      <c r="B74" s="4" t="s">
        <v>659</v>
      </c>
      <c r="C74" s="12">
        <v>58700</v>
      </c>
      <c r="D74" s="12">
        <v>58700</v>
      </c>
      <c r="E74" s="12">
        <v>10092.93</v>
      </c>
      <c r="F74" s="12">
        <v>40215.32</v>
      </c>
      <c r="G74" s="12">
        <v>0</v>
      </c>
      <c r="H74" s="12">
        <v>18484.68</v>
      </c>
      <c r="I74" s="12">
        <v>10092.93</v>
      </c>
      <c r="J74" s="12">
        <v>40215.32</v>
      </c>
      <c r="K74" s="12">
        <v>0</v>
      </c>
      <c r="L74" s="12">
        <v>18484.68</v>
      </c>
    </row>
    <row r="75" spans="1:12" x14ac:dyDescent="0.25">
      <c r="A75" s="3" t="s">
        <v>135</v>
      </c>
      <c r="B75" s="5" t="s">
        <v>673</v>
      </c>
      <c r="C75" s="11">
        <v>1893891700</v>
      </c>
      <c r="D75" s="11">
        <v>1767564044.51</v>
      </c>
      <c r="E75" s="11">
        <v>260640083.72</v>
      </c>
      <c r="F75" s="11">
        <v>1065578681.49</v>
      </c>
      <c r="G75" s="11">
        <v>9.7200000000000006</v>
      </c>
      <c r="H75" s="11">
        <v>701985363.01999998</v>
      </c>
      <c r="I75" s="11">
        <v>257500900.80000001</v>
      </c>
      <c r="J75" s="11">
        <v>989844202.01999998</v>
      </c>
      <c r="K75" s="11">
        <v>10.19</v>
      </c>
      <c r="L75" s="11">
        <v>777719842.49000001</v>
      </c>
    </row>
    <row r="76" spans="1:12" x14ac:dyDescent="0.25">
      <c r="A76" s="2" t="s">
        <v>137</v>
      </c>
      <c r="B76" s="4" t="s">
        <v>635</v>
      </c>
      <c r="C76" s="12">
        <v>1620441700</v>
      </c>
      <c r="D76" s="12">
        <v>1468875144.51</v>
      </c>
      <c r="E76" s="12">
        <v>224119619.55000001</v>
      </c>
      <c r="F76" s="12">
        <v>898747061.01999998</v>
      </c>
      <c r="G76" s="12">
        <v>8.2100000000000009</v>
      </c>
      <c r="H76" s="12">
        <v>570128083.49000001</v>
      </c>
      <c r="I76" s="12">
        <v>221933568.91</v>
      </c>
      <c r="J76" s="12">
        <v>884361528.80999994</v>
      </c>
      <c r="K76" s="12">
        <v>9.1</v>
      </c>
      <c r="L76" s="12">
        <v>584513615.70000005</v>
      </c>
    </row>
    <row r="77" spans="1:12" x14ac:dyDescent="0.25">
      <c r="A77" s="2" t="s">
        <v>139</v>
      </c>
      <c r="B77" s="4" t="s">
        <v>674</v>
      </c>
      <c r="C77" s="12">
        <v>8345200</v>
      </c>
      <c r="D77" s="12">
        <v>12997769</v>
      </c>
      <c r="E77" s="12">
        <v>-62536.77</v>
      </c>
      <c r="F77" s="12">
        <v>6010320.0300000003</v>
      </c>
      <c r="G77" s="12">
        <v>0.05</v>
      </c>
      <c r="H77" s="12">
        <v>6987448.9699999997</v>
      </c>
      <c r="I77" s="12">
        <v>-62536.77</v>
      </c>
      <c r="J77" s="12">
        <v>4727801.2300000004</v>
      </c>
      <c r="K77" s="12">
        <v>0.05</v>
      </c>
      <c r="L77" s="12">
        <v>8269967.7699999996</v>
      </c>
    </row>
    <row r="78" spans="1:12" x14ac:dyDescent="0.25">
      <c r="A78" s="2" t="s">
        <v>141</v>
      </c>
      <c r="B78" s="4" t="s">
        <v>675</v>
      </c>
      <c r="C78" s="12">
        <v>4923000</v>
      </c>
      <c r="D78" s="12">
        <v>9377821</v>
      </c>
      <c r="E78" s="12">
        <v>0</v>
      </c>
      <c r="F78" s="12">
        <v>7452101.8499999996</v>
      </c>
      <c r="G78" s="12">
        <v>7.0000000000000007E-2</v>
      </c>
      <c r="H78" s="12">
        <v>1925719.15</v>
      </c>
      <c r="I78" s="12">
        <v>0</v>
      </c>
      <c r="J78" s="12">
        <v>3961524.45</v>
      </c>
      <c r="K78" s="12">
        <v>0.04</v>
      </c>
      <c r="L78" s="12">
        <v>5416296.5499999998</v>
      </c>
    </row>
    <row r="79" spans="1:12" x14ac:dyDescent="0.25">
      <c r="A79" s="2" t="s">
        <v>143</v>
      </c>
      <c r="B79" s="4" t="s">
        <v>669</v>
      </c>
      <c r="C79" s="12">
        <v>14971200</v>
      </c>
      <c r="D79" s="12">
        <v>11547180</v>
      </c>
      <c r="E79" s="12">
        <v>1478602.3</v>
      </c>
      <c r="F79" s="12">
        <v>5510115.4000000004</v>
      </c>
      <c r="G79" s="12">
        <v>0.05</v>
      </c>
      <c r="H79" s="12">
        <v>6037064.5999999996</v>
      </c>
      <c r="I79" s="12">
        <v>1208383.1599999999</v>
      </c>
      <c r="J79" s="12">
        <v>3466641.29</v>
      </c>
      <c r="K79" s="12">
        <v>0.04</v>
      </c>
      <c r="L79" s="12">
        <v>8080538.71</v>
      </c>
    </row>
    <row r="80" spans="1:12" x14ac:dyDescent="0.25">
      <c r="A80" s="2" t="s">
        <v>145</v>
      </c>
      <c r="B80" s="4" t="s">
        <v>658</v>
      </c>
      <c r="C80" s="12">
        <v>9256800</v>
      </c>
      <c r="D80" s="12">
        <v>9956110</v>
      </c>
      <c r="E80" s="12">
        <v>856752.6</v>
      </c>
      <c r="F80" s="12">
        <v>5467580.6100000003</v>
      </c>
      <c r="G80" s="12">
        <v>0.05</v>
      </c>
      <c r="H80" s="12">
        <v>4488529.3899999997</v>
      </c>
      <c r="I80" s="12">
        <v>1052526.47</v>
      </c>
      <c r="J80" s="12">
        <v>4723093.67</v>
      </c>
      <c r="K80" s="12">
        <v>0.05</v>
      </c>
      <c r="L80" s="12">
        <v>5233016.33</v>
      </c>
    </row>
    <row r="81" spans="1:12" x14ac:dyDescent="0.25">
      <c r="A81" s="2" t="s">
        <v>147</v>
      </c>
      <c r="B81" s="4" t="s">
        <v>676</v>
      </c>
      <c r="C81" s="12">
        <v>1130000</v>
      </c>
      <c r="D81" s="12">
        <v>3030000</v>
      </c>
      <c r="E81" s="12">
        <v>0</v>
      </c>
      <c r="F81" s="12">
        <v>2034402.97</v>
      </c>
      <c r="G81" s="12">
        <v>0.02</v>
      </c>
      <c r="H81" s="12">
        <v>995597.03</v>
      </c>
      <c r="I81" s="12">
        <v>0</v>
      </c>
      <c r="J81" s="12">
        <v>1980027.48</v>
      </c>
      <c r="K81" s="12">
        <v>0.02</v>
      </c>
      <c r="L81" s="12">
        <v>1049972.52</v>
      </c>
    </row>
    <row r="82" spans="1:12" x14ac:dyDescent="0.25">
      <c r="A82" s="2" t="s">
        <v>149</v>
      </c>
      <c r="B82" s="4" t="s">
        <v>677</v>
      </c>
      <c r="C82" s="12">
        <v>8653700</v>
      </c>
      <c r="D82" s="12">
        <v>8777651</v>
      </c>
      <c r="E82" s="12">
        <v>2763935.84</v>
      </c>
      <c r="F82" s="12">
        <v>4816602.3499999996</v>
      </c>
      <c r="G82" s="12">
        <v>0.04</v>
      </c>
      <c r="H82" s="12">
        <v>3961048.65</v>
      </c>
      <c r="I82" s="12">
        <v>2909774.79</v>
      </c>
      <c r="J82" s="12">
        <v>4257842.55</v>
      </c>
      <c r="K82" s="12">
        <v>0.04</v>
      </c>
      <c r="L82" s="12">
        <v>4519808.45</v>
      </c>
    </row>
    <row r="83" spans="1:12" x14ac:dyDescent="0.25">
      <c r="A83" s="2" t="s">
        <v>151</v>
      </c>
      <c r="B83" s="4" t="s">
        <v>678</v>
      </c>
      <c r="C83" s="12">
        <v>212117000</v>
      </c>
      <c r="D83" s="12">
        <v>229651079</v>
      </c>
      <c r="E83" s="12">
        <v>30752171.670000002</v>
      </c>
      <c r="F83" s="12">
        <v>128398121.78</v>
      </c>
      <c r="G83" s="12">
        <v>1.17</v>
      </c>
      <c r="H83" s="12">
        <v>101252957.22</v>
      </c>
      <c r="I83" s="12">
        <v>29763522.850000001</v>
      </c>
      <c r="J83" s="12">
        <v>76317305.579999998</v>
      </c>
      <c r="K83" s="12">
        <v>0.79</v>
      </c>
      <c r="L83" s="12">
        <v>153333773.41999999</v>
      </c>
    </row>
    <row r="84" spans="1:12" x14ac:dyDescent="0.25">
      <c r="A84" s="2" t="s">
        <v>152</v>
      </c>
      <c r="B84" s="4" t="s">
        <v>679</v>
      </c>
      <c r="C84" s="12">
        <v>4401100</v>
      </c>
      <c r="D84" s="12">
        <v>3699290</v>
      </c>
      <c r="E84" s="12">
        <v>551612.4</v>
      </c>
      <c r="F84" s="12">
        <v>2611081.35</v>
      </c>
      <c r="G84" s="12">
        <v>0.02</v>
      </c>
      <c r="H84" s="12">
        <v>1088208.6499999999</v>
      </c>
      <c r="I84" s="12">
        <v>515735.26</v>
      </c>
      <c r="J84" s="12">
        <v>2217383.64</v>
      </c>
      <c r="K84" s="12">
        <v>0.02</v>
      </c>
      <c r="L84" s="12">
        <v>1481906.36</v>
      </c>
    </row>
    <row r="85" spans="1:12" x14ac:dyDescent="0.25">
      <c r="A85" s="2" t="s">
        <v>153</v>
      </c>
      <c r="B85" s="4" t="s">
        <v>659</v>
      </c>
      <c r="C85" s="12">
        <v>9652000</v>
      </c>
      <c r="D85" s="12">
        <v>9652000</v>
      </c>
      <c r="E85" s="12">
        <v>179926.13</v>
      </c>
      <c r="F85" s="12">
        <v>4531294.13</v>
      </c>
      <c r="G85" s="12">
        <v>0.04</v>
      </c>
      <c r="H85" s="12">
        <v>5120705.87</v>
      </c>
      <c r="I85" s="12">
        <v>179926.13</v>
      </c>
      <c r="J85" s="12">
        <v>3831053.32</v>
      </c>
      <c r="K85" s="12">
        <v>0.04</v>
      </c>
      <c r="L85" s="12">
        <v>5820946.6799999997</v>
      </c>
    </row>
    <row r="86" spans="1:12" x14ac:dyDescent="0.25">
      <c r="A86" s="3" t="s">
        <v>155</v>
      </c>
      <c r="B86" s="5" t="s">
        <v>680</v>
      </c>
      <c r="C86" s="11">
        <v>70652900</v>
      </c>
      <c r="D86" s="11">
        <v>70975400</v>
      </c>
      <c r="E86" s="11">
        <v>3368636.38</v>
      </c>
      <c r="F86" s="11">
        <v>21635434.039999999</v>
      </c>
      <c r="G86" s="11">
        <v>0.19</v>
      </c>
      <c r="H86" s="11">
        <v>49339965.960000001</v>
      </c>
      <c r="I86" s="11">
        <v>3622683.27</v>
      </c>
      <c r="J86" s="11">
        <v>20344361.390000001</v>
      </c>
      <c r="K86" s="11">
        <v>0.21</v>
      </c>
      <c r="L86" s="11">
        <v>50631038.609999999</v>
      </c>
    </row>
    <row r="87" spans="1:12" x14ac:dyDescent="0.25">
      <c r="A87" s="2" t="s">
        <v>157</v>
      </c>
      <c r="B87" s="4" t="s">
        <v>635</v>
      </c>
      <c r="C87" s="12">
        <v>19295600</v>
      </c>
      <c r="D87" s="12">
        <v>19468100</v>
      </c>
      <c r="E87" s="12">
        <v>3030577.74</v>
      </c>
      <c r="F87" s="12">
        <v>13551457.82</v>
      </c>
      <c r="G87" s="12">
        <v>0.12</v>
      </c>
      <c r="H87" s="12">
        <v>5916642.1799999997</v>
      </c>
      <c r="I87" s="12">
        <v>3025407.07</v>
      </c>
      <c r="J87" s="12">
        <v>13316155.300000001</v>
      </c>
      <c r="K87" s="12">
        <v>0.14000000000000001</v>
      </c>
      <c r="L87" s="12">
        <v>6151944.7000000002</v>
      </c>
    </row>
    <row r="88" spans="1:12" x14ac:dyDescent="0.25">
      <c r="A88" s="2" t="s">
        <v>159</v>
      </c>
      <c r="B88" s="4" t="s">
        <v>681</v>
      </c>
      <c r="C88" s="12">
        <v>22000</v>
      </c>
      <c r="D88" s="12">
        <v>712112</v>
      </c>
      <c r="E88" s="12">
        <v>0</v>
      </c>
      <c r="F88" s="12">
        <v>419111.59</v>
      </c>
      <c r="G88" s="12">
        <v>0</v>
      </c>
      <c r="H88" s="12">
        <v>293000.40999999997</v>
      </c>
      <c r="I88" s="12">
        <v>0</v>
      </c>
      <c r="J88" s="12">
        <v>419111.59</v>
      </c>
      <c r="K88" s="12">
        <v>0</v>
      </c>
      <c r="L88" s="12">
        <v>293000.40999999997</v>
      </c>
    </row>
    <row r="89" spans="1:12" x14ac:dyDescent="0.25">
      <c r="A89" s="2" t="s">
        <v>161</v>
      </c>
      <c r="B89" s="4" t="s">
        <v>682</v>
      </c>
      <c r="C89" s="12">
        <v>51285300</v>
      </c>
      <c r="D89" s="12">
        <v>50745188</v>
      </c>
      <c r="E89" s="12">
        <v>338058.64</v>
      </c>
      <c r="F89" s="12">
        <v>7662344.6299999999</v>
      </c>
      <c r="G89" s="12">
        <v>7.0000000000000007E-2</v>
      </c>
      <c r="H89" s="12">
        <v>43082843.369999997</v>
      </c>
      <c r="I89" s="12">
        <v>597276.19999999995</v>
      </c>
      <c r="J89" s="12">
        <v>6608131.9800000004</v>
      </c>
      <c r="K89" s="12">
        <v>7.0000000000000007E-2</v>
      </c>
      <c r="L89" s="12">
        <v>44137056.020000003</v>
      </c>
    </row>
    <row r="90" spans="1:12" x14ac:dyDescent="0.25">
      <c r="A90" s="2" t="s">
        <v>163</v>
      </c>
      <c r="B90" s="4" t="s">
        <v>642</v>
      </c>
      <c r="C90" s="12">
        <v>50000</v>
      </c>
      <c r="D90" s="12">
        <v>50000</v>
      </c>
      <c r="E90" s="12">
        <v>0</v>
      </c>
      <c r="F90" s="12">
        <v>2520</v>
      </c>
      <c r="G90" s="12">
        <v>0</v>
      </c>
      <c r="H90" s="12">
        <v>47480</v>
      </c>
      <c r="I90" s="12">
        <v>0</v>
      </c>
      <c r="J90" s="12">
        <v>962.52</v>
      </c>
      <c r="K90" s="12">
        <v>0</v>
      </c>
      <c r="L90" s="12">
        <v>49037.48</v>
      </c>
    </row>
    <row r="91" spans="1:12" x14ac:dyDescent="0.25">
      <c r="A91" s="3" t="s">
        <v>176</v>
      </c>
      <c r="B91" s="5" t="s">
        <v>683</v>
      </c>
      <c r="C91" s="11">
        <v>279829700</v>
      </c>
      <c r="D91" s="11">
        <v>280949235</v>
      </c>
      <c r="E91" s="11">
        <v>45726888.689999998</v>
      </c>
      <c r="F91" s="11">
        <v>205302600.47</v>
      </c>
      <c r="G91" s="11">
        <v>1.88</v>
      </c>
      <c r="H91" s="11">
        <v>75646634.530000001</v>
      </c>
      <c r="I91" s="11">
        <v>45560437.979999997</v>
      </c>
      <c r="J91" s="11">
        <v>204152840.63</v>
      </c>
      <c r="K91" s="11">
        <v>2.1</v>
      </c>
      <c r="L91" s="11">
        <v>76796394.370000005</v>
      </c>
    </row>
    <row r="92" spans="1:12" x14ac:dyDescent="0.25">
      <c r="A92" s="2" t="s">
        <v>178</v>
      </c>
      <c r="B92" s="4" t="s">
        <v>646</v>
      </c>
      <c r="C92" s="12">
        <v>0</v>
      </c>
      <c r="D92" s="12">
        <v>0</v>
      </c>
      <c r="E92" s="12">
        <v>0</v>
      </c>
      <c r="F92" s="12">
        <v>0</v>
      </c>
      <c r="G92" s="12">
        <v>0</v>
      </c>
      <c r="H92" s="12">
        <v>0</v>
      </c>
      <c r="I92" s="12">
        <v>0</v>
      </c>
      <c r="J92" s="12">
        <v>0</v>
      </c>
      <c r="K92" s="12">
        <v>0</v>
      </c>
      <c r="L92" s="12">
        <v>0</v>
      </c>
    </row>
    <row r="93" spans="1:12" x14ac:dyDescent="0.25">
      <c r="A93" s="2" t="s">
        <v>180</v>
      </c>
      <c r="B93" s="4" t="s">
        <v>654</v>
      </c>
      <c r="C93" s="12">
        <v>269450500</v>
      </c>
      <c r="D93" s="12">
        <v>270693150</v>
      </c>
      <c r="E93" s="12">
        <v>45632773.539999999</v>
      </c>
      <c r="F93" s="12">
        <v>203325856.65000001</v>
      </c>
      <c r="G93" s="12">
        <v>1.86</v>
      </c>
      <c r="H93" s="12">
        <v>67367293.349999994</v>
      </c>
      <c r="I93" s="12">
        <v>45446788.789999999</v>
      </c>
      <c r="J93" s="12">
        <v>202246967.37</v>
      </c>
      <c r="K93" s="12">
        <v>2.08</v>
      </c>
      <c r="L93" s="12">
        <v>68446182.629999995</v>
      </c>
    </row>
    <row r="94" spans="1:12" x14ac:dyDescent="0.25">
      <c r="A94" s="2" t="s">
        <v>182</v>
      </c>
      <c r="B94" s="4" t="s">
        <v>642</v>
      </c>
      <c r="C94" s="12">
        <v>9875600</v>
      </c>
      <c r="D94" s="12">
        <v>9752485</v>
      </c>
      <c r="E94" s="12">
        <v>94115.15</v>
      </c>
      <c r="F94" s="12">
        <v>1976743.82</v>
      </c>
      <c r="G94" s="12">
        <v>0.02</v>
      </c>
      <c r="H94" s="12">
        <v>7775741.1799999997</v>
      </c>
      <c r="I94" s="12">
        <v>113649.19</v>
      </c>
      <c r="J94" s="12">
        <v>1905873.26</v>
      </c>
      <c r="K94" s="12">
        <v>0.02</v>
      </c>
      <c r="L94" s="12">
        <v>7846611.7400000002</v>
      </c>
    </row>
    <row r="95" spans="1:12" x14ac:dyDescent="0.25">
      <c r="A95" s="2" t="s">
        <v>184</v>
      </c>
      <c r="B95" s="4" t="s">
        <v>684</v>
      </c>
      <c r="C95" s="12">
        <v>503600</v>
      </c>
      <c r="D95" s="12">
        <v>503600</v>
      </c>
      <c r="E95" s="12">
        <v>0</v>
      </c>
      <c r="F95" s="12">
        <v>0</v>
      </c>
      <c r="G95" s="12">
        <v>0</v>
      </c>
      <c r="H95" s="12">
        <v>503600</v>
      </c>
      <c r="I95" s="12">
        <v>0</v>
      </c>
      <c r="J95" s="12">
        <v>0</v>
      </c>
      <c r="K95" s="12">
        <v>0</v>
      </c>
      <c r="L95" s="12">
        <v>503600</v>
      </c>
    </row>
    <row r="96" spans="1:12" x14ac:dyDescent="0.25">
      <c r="A96" s="3" t="s">
        <v>186</v>
      </c>
      <c r="B96" s="5" t="s">
        <v>685</v>
      </c>
      <c r="C96" s="11">
        <v>0</v>
      </c>
      <c r="D96" s="11">
        <v>0</v>
      </c>
      <c r="E96" s="11">
        <v>0</v>
      </c>
      <c r="F96" s="11">
        <v>0</v>
      </c>
      <c r="G96" s="11">
        <v>0</v>
      </c>
      <c r="H96" s="11">
        <v>0</v>
      </c>
      <c r="I96" s="11">
        <v>0</v>
      </c>
      <c r="J96" s="11">
        <v>0</v>
      </c>
      <c r="K96" s="11">
        <v>0</v>
      </c>
      <c r="L96" s="11">
        <v>0</v>
      </c>
    </row>
    <row r="97" spans="1:12" x14ac:dyDescent="0.25">
      <c r="A97" s="2" t="s">
        <v>188</v>
      </c>
      <c r="B97" s="4" t="s">
        <v>686</v>
      </c>
      <c r="C97" s="12">
        <v>0</v>
      </c>
      <c r="D97" s="12">
        <v>0</v>
      </c>
      <c r="E97" s="12">
        <v>0</v>
      </c>
      <c r="F97" s="12">
        <v>0</v>
      </c>
      <c r="G97" s="12">
        <v>0</v>
      </c>
      <c r="H97" s="12">
        <v>0</v>
      </c>
      <c r="I97" s="12">
        <v>0</v>
      </c>
      <c r="J97" s="12">
        <v>0</v>
      </c>
      <c r="K97" s="12">
        <v>0</v>
      </c>
      <c r="L97" s="12">
        <v>0</v>
      </c>
    </row>
    <row r="98" spans="1:12" x14ac:dyDescent="0.25">
      <c r="A98" s="3" t="s">
        <v>190</v>
      </c>
      <c r="B98" s="5" t="s">
        <v>687</v>
      </c>
      <c r="C98" s="11">
        <v>18097300</v>
      </c>
      <c r="D98" s="11">
        <v>31292720</v>
      </c>
      <c r="E98" s="11">
        <v>4601792.53</v>
      </c>
      <c r="F98" s="11">
        <v>23033110.010000002</v>
      </c>
      <c r="G98" s="11">
        <v>0.21</v>
      </c>
      <c r="H98" s="11">
        <v>8259609.9900000002</v>
      </c>
      <c r="I98" s="11">
        <v>4407341.05</v>
      </c>
      <c r="J98" s="11">
        <v>16805281.149999999</v>
      </c>
      <c r="K98" s="11">
        <v>0.18</v>
      </c>
      <c r="L98" s="11">
        <v>14487438.85</v>
      </c>
    </row>
    <row r="99" spans="1:12" x14ac:dyDescent="0.25">
      <c r="A99" s="2" t="s">
        <v>192</v>
      </c>
      <c r="B99" s="4" t="s">
        <v>635</v>
      </c>
      <c r="C99" s="12">
        <v>11422700</v>
      </c>
      <c r="D99" s="12">
        <v>11892600</v>
      </c>
      <c r="E99" s="12">
        <v>1955243.51</v>
      </c>
      <c r="F99" s="12">
        <v>7949650.79</v>
      </c>
      <c r="G99" s="12">
        <v>7.0000000000000007E-2</v>
      </c>
      <c r="H99" s="12">
        <v>3942949.21</v>
      </c>
      <c r="I99" s="12">
        <v>1917518.75</v>
      </c>
      <c r="J99" s="12">
        <v>7496983.7599999998</v>
      </c>
      <c r="K99" s="12">
        <v>0.08</v>
      </c>
      <c r="L99" s="12">
        <v>4395616.24</v>
      </c>
    </row>
    <row r="100" spans="1:12" x14ac:dyDescent="0.25">
      <c r="A100" s="2" t="s">
        <v>194</v>
      </c>
      <c r="B100" s="4" t="s">
        <v>644</v>
      </c>
      <c r="C100" s="12">
        <v>1000</v>
      </c>
      <c r="D100" s="12">
        <v>1000</v>
      </c>
      <c r="E100" s="12">
        <v>0</v>
      </c>
      <c r="F100" s="12">
        <v>0</v>
      </c>
      <c r="G100" s="12">
        <v>0</v>
      </c>
      <c r="H100" s="12">
        <v>1000</v>
      </c>
      <c r="I100" s="12">
        <v>0</v>
      </c>
      <c r="J100" s="12">
        <v>0</v>
      </c>
      <c r="K100" s="12">
        <v>0</v>
      </c>
      <c r="L100" s="12">
        <v>1000</v>
      </c>
    </row>
    <row r="101" spans="1:12" x14ac:dyDescent="0.25">
      <c r="A101" s="2" t="s">
        <v>196</v>
      </c>
      <c r="B101" s="4" t="s">
        <v>688</v>
      </c>
      <c r="C101" s="12">
        <v>6673600</v>
      </c>
      <c r="D101" s="12">
        <v>19399120</v>
      </c>
      <c r="E101" s="12">
        <v>2646549.02</v>
      </c>
      <c r="F101" s="12">
        <v>15083459.220000001</v>
      </c>
      <c r="G101" s="12">
        <v>0.14000000000000001</v>
      </c>
      <c r="H101" s="12">
        <v>4315660.78</v>
      </c>
      <c r="I101" s="12">
        <v>2489822.2999999998</v>
      </c>
      <c r="J101" s="12">
        <v>9308297.3900000006</v>
      </c>
      <c r="K101" s="12">
        <v>0.1</v>
      </c>
      <c r="L101" s="12">
        <v>10090822.609999999</v>
      </c>
    </row>
    <row r="102" spans="1:12" x14ac:dyDescent="0.25">
      <c r="A102" s="3" t="s">
        <v>198</v>
      </c>
      <c r="B102" s="5" t="s">
        <v>689</v>
      </c>
      <c r="C102" s="11">
        <v>113282300</v>
      </c>
      <c r="D102" s="11">
        <v>114581030</v>
      </c>
      <c r="E102" s="11">
        <v>23518114.829999998</v>
      </c>
      <c r="F102" s="11">
        <v>56899948.240000002</v>
      </c>
      <c r="G102" s="11">
        <v>0.52</v>
      </c>
      <c r="H102" s="11">
        <v>57681081.759999998</v>
      </c>
      <c r="I102" s="11">
        <v>3696027.92</v>
      </c>
      <c r="J102" s="11">
        <v>14170202.4</v>
      </c>
      <c r="K102" s="11">
        <v>0.15</v>
      </c>
      <c r="L102" s="11">
        <v>100410827.59999999</v>
      </c>
    </row>
    <row r="103" spans="1:12" x14ac:dyDescent="0.25">
      <c r="A103" s="2" t="s">
        <v>200</v>
      </c>
      <c r="B103" s="4" t="s">
        <v>690</v>
      </c>
      <c r="C103" s="12">
        <v>113282300</v>
      </c>
      <c r="D103" s="12">
        <v>114581030</v>
      </c>
      <c r="E103" s="12">
        <v>23518114.829999998</v>
      </c>
      <c r="F103" s="12">
        <v>56899948.240000002</v>
      </c>
      <c r="G103" s="12">
        <v>0.52</v>
      </c>
      <c r="H103" s="12">
        <v>57681081.759999998</v>
      </c>
      <c r="I103" s="12">
        <v>3696027.92</v>
      </c>
      <c r="J103" s="12">
        <v>14170202.4</v>
      </c>
      <c r="K103" s="12">
        <v>0.15</v>
      </c>
      <c r="L103" s="12">
        <v>100410827.59999999</v>
      </c>
    </row>
    <row r="104" spans="1:12" x14ac:dyDescent="0.25">
      <c r="A104" s="3" t="s">
        <v>202</v>
      </c>
      <c r="B104" s="5" t="s">
        <v>691</v>
      </c>
      <c r="C104" s="11">
        <v>88485300</v>
      </c>
      <c r="D104" s="11">
        <v>128717923.8</v>
      </c>
      <c r="E104" s="11">
        <v>4961384.54</v>
      </c>
      <c r="F104" s="11">
        <v>43350647.710000001</v>
      </c>
      <c r="G104" s="11">
        <v>0.39</v>
      </c>
      <c r="H104" s="11">
        <v>85367276.090000004</v>
      </c>
      <c r="I104" s="11">
        <v>7763198.8600000003</v>
      </c>
      <c r="J104" s="11">
        <v>27255820.379999999</v>
      </c>
      <c r="K104" s="11">
        <v>0.28999999999999998</v>
      </c>
      <c r="L104" s="11">
        <v>101462103.42</v>
      </c>
    </row>
    <row r="105" spans="1:12" x14ac:dyDescent="0.25">
      <c r="A105" s="2" t="s">
        <v>204</v>
      </c>
      <c r="B105" s="4" t="s">
        <v>635</v>
      </c>
      <c r="C105" s="12">
        <v>49575700</v>
      </c>
      <c r="D105" s="12">
        <v>44399723.799999997</v>
      </c>
      <c r="E105" s="12">
        <v>3942075.92</v>
      </c>
      <c r="F105" s="12">
        <v>20701793.32</v>
      </c>
      <c r="G105" s="12">
        <v>0.19</v>
      </c>
      <c r="H105" s="12">
        <v>23697930.48</v>
      </c>
      <c r="I105" s="12">
        <v>4379082.09</v>
      </c>
      <c r="J105" s="12">
        <v>19947856.870000001</v>
      </c>
      <c r="K105" s="12">
        <v>0.21</v>
      </c>
      <c r="L105" s="12">
        <v>24451866.93</v>
      </c>
    </row>
    <row r="106" spans="1:12" x14ac:dyDescent="0.25">
      <c r="A106" s="2" t="s">
        <v>206</v>
      </c>
      <c r="B106" s="4" t="s">
        <v>650</v>
      </c>
      <c r="C106" s="12">
        <v>3900000</v>
      </c>
      <c r="D106" s="12">
        <v>5912000</v>
      </c>
      <c r="E106" s="12">
        <v>362560</v>
      </c>
      <c r="F106" s="12">
        <v>1506134.01</v>
      </c>
      <c r="G106" s="12">
        <v>0.01</v>
      </c>
      <c r="H106" s="12">
        <v>4405865.99</v>
      </c>
      <c r="I106" s="12">
        <v>407404.42</v>
      </c>
      <c r="J106" s="12">
        <v>1015611.96</v>
      </c>
      <c r="K106" s="12">
        <v>0.01</v>
      </c>
      <c r="L106" s="12">
        <v>4896388.04</v>
      </c>
    </row>
    <row r="107" spans="1:12" x14ac:dyDescent="0.25">
      <c r="A107" s="2" t="s">
        <v>208</v>
      </c>
      <c r="B107" s="4" t="s">
        <v>692</v>
      </c>
      <c r="C107" s="12">
        <v>29981800</v>
      </c>
      <c r="D107" s="12">
        <v>71900400</v>
      </c>
      <c r="E107" s="12">
        <v>547911.78</v>
      </c>
      <c r="F107" s="12">
        <v>20128405.41</v>
      </c>
      <c r="G107" s="12">
        <v>0.18</v>
      </c>
      <c r="H107" s="12">
        <v>51771994.590000004</v>
      </c>
      <c r="I107" s="12">
        <v>2771001.06</v>
      </c>
      <c r="J107" s="12">
        <v>5396294.3399999999</v>
      </c>
      <c r="K107" s="12">
        <v>0.06</v>
      </c>
      <c r="L107" s="12">
        <v>66504105.659999996</v>
      </c>
    </row>
    <row r="108" spans="1:12" x14ac:dyDescent="0.25">
      <c r="A108" s="2" t="s">
        <v>210</v>
      </c>
      <c r="B108" s="4" t="s">
        <v>693</v>
      </c>
      <c r="C108" s="12">
        <v>4726300</v>
      </c>
      <c r="D108" s="12">
        <v>6204300</v>
      </c>
      <c r="E108" s="12">
        <v>108836.84</v>
      </c>
      <c r="F108" s="12">
        <v>1014314.97</v>
      </c>
      <c r="G108" s="12">
        <v>0.01</v>
      </c>
      <c r="H108" s="12">
        <v>5189985.03</v>
      </c>
      <c r="I108" s="12">
        <v>205711.29</v>
      </c>
      <c r="J108" s="12">
        <v>896057.21</v>
      </c>
      <c r="K108" s="12">
        <v>0.01</v>
      </c>
      <c r="L108" s="12">
        <v>5308242.79</v>
      </c>
    </row>
    <row r="109" spans="1:12" x14ac:dyDescent="0.25">
      <c r="A109" s="2" t="s">
        <v>212</v>
      </c>
      <c r="B109" s="4" t="s">
        <v>694</v>
      </c>
      <c r="C109" s="12">
        <v>201500</v>
      </c>
      <c r="D109" s="12">
        <v>201500</v>
      </c>
      <c r="E109" s="12">
        <v>0</v>
      </c>
      <c r="F109" s="12">
        <v>0</v>
      </c>
      <c r="G109" s="12">
        <v>0</v>
      </c>
      <c r="H109" s="12">
        <v>201500</v>
      </c>
      <c r="I109" s="12">
        <v>0</v>
      </c>
      <c r="J109" s="12">
        <v>0</v>
      </c>
      <c r="K109" s="12">
        <v>0</v>
      </c>
      <c r="L109" s="12">
        <v>201500</v>
      </c>
    </row>
    <row r="110" spans="1:12" x14ac:dyDescent="0.25">
      <c r="A110" s="2" t="s">
        <v>214</v>
      </c>
      <c r="B110" s="4" t="s">
        <v>695</v>
      </c>
      <c r="C110" s="12">
        <v>100000</v>
      </c>
      <c r="D110" s="12">
        <v>100000</v>
      </c>
      <c r="E110" s="12">
        <v>0</v>
      </c>
      <c r="F110" s="12">
        <v>0</v>
      </c>
      <c r="G110" s="12">
        <v>0</v>
      </c>
      <c r="H110" s="12">
        <v>100000</v>
      </c>
      <c r="I110" s="12">
        <v>0</v>
      </c>
      <c r="J110" s="12">
        <v>0</v>
      </c>
      <c r="K110" s="12">
        <v>0</v>
      </c>
      <c r="L110" s="12">
        <v>100000</v>
      </c>
    </row>
    <row r="111" spans="1:12" x14ac:dyDescent="0.25">
      <c r="A111" s="3" t="s">
        <v>215</v>
      </c>
      <c r="B111" s="5" t="s">
        <v>696</v>
      </c>
      <c r="C111" s="11">
        <v>36168200</v>
      </c>
      <c r="D111" s="11">
        <v>40739986</v>
      </c>
      <c r="E111" s="11">
        <v>1492956.58</v>
      </c>
      <c r="F111" s="11">
        <v>4885459.68</v>
      </c>
      <c r="G111" s="11">
        <v>0.04</v>
      </c>
      <c r="H111" s="11">
        <v>35854526.32</v>
      </c>
      <c r="I111" s="11">
        <v>1106753.08</v>
      </c>
      <c r="J111" s="11">
        <v>4285432.99</v>
      </c>
      <c r="K111" s="11">
        <v>0.04</v>
      </c>
      <c r="L111" s="11">
        <v>36454553.009999998</v>
      </c>
    </row>
    <row r="112" spans="1:12" x14ac:dyDescent="0.25">
      <c r="A112" s="2" t="s">
        <v>216</v>
      </c>
      <c r="B112" s="4" t="s">
        <v>636</v>
      </c>
      <c r="C112" s="12">
        <v>200</v>
      </c>
      <c r="D112" s="12">
        <v>200</v>
      </c>
      <c r="E112" s="12">
        <v>0</v>
      </c>
      <c r="F112" s="12">
        <v>0</v>
      </c>
      <c r="G112" s="12">
        <v>0</v>
      </c>
      <c r="H112" s="12">
        <v>200</v>
      </c>
      <c r="I112" s="12">
        <v>0</v>
      </c>
      <c r="J112" s="12">
        <v>0</v>
      </c>
      <c r="K112" s="12">
        <v>0</v>
      </c>
      <c r="L112" s="12">
        <v>200</v>
      </c>
    </row>
    <row r="113" spans="1:12" x14ac:dyDescent="0.25">
      <c r="A113" s="2" t="s">
        <v>218</v>
      </c>
      <c r="B113" s="4" t="s">
        <v>679</v>
      </c>
      <c r="C113" s="12">
        <v>13734900</v>
      </c>
      <c r="D113" s="12">
        <v>15283250</v>
      </c>
      <c r="E113" s="12">
        <v>118985.29</v>
      </c>
      <c r="F113" s="12">
        <v>2498951.15</v>
      </c>
      <c r="G113" s="12">
        <v>0.02</v>
      </c>
      <c r="H113" s="12">
        <v>12784298.85</v>
      </c>
      <c r="I113" s="12">
        <v>118985.29</v>
      </c>
      <c r="J113" s="12">
        <v>2408951.14</v>
      </c>
      <c r="K113" s="12">
        <v>0.02</v>
      </c>
      <c r="L113" s="12">
        <v>12874298.859999999</v>
      </c>
    </row>
    <row r="114" spans="1:12" x14ac:dyDescent="0.25">
      <c r="A114" s="2" t="s">
        <v>220</v>
      </c>
      <c r="B114" s="4" t="s">
        <v>697</v>
      </c>
      <c r="C114" s="12">
        <v>22433100</v>
      </c>
      <c r="D114" s="12">
        <v>25456536</v>
      </c>
      <c r="E114" s="12">
        <v>1373971.29</v>
      </c>
      <c r="F114" s="12">
        <v>2386508.5299999998</v>
      </c>
      <c r="G114" s="12">
        <v>0.02</v>
      </c>
      <c r="H114" s="12">
        <v>23070027.469999999</v>
      </c>
      <c r="I114" s="12">
        <v>987767.79</v>
      </c>
      <c r="J114" s="12">
        <v>1876481.85</v>
      </c>
      <c r="K114" s="12">
        <v>0.02</v>
      </c>
      <c r="L114" s="12">
        <v>23580054.149999999</v>
      </c>
    </row>
    <row r="115" spans="1:12" x14ac:dyDescent="0.25">
      <c r="A115" s="3" t="s">
        <v>222</v>
      </c>
      <c r="B115" s="5" t="s">
        <v>698</v>
      </c>
      <c r="C115" s="11">
        <v>169886100</v>
      </c>
      <c r="D115" s="11">
        <v>262765334</v>
      </c>
      <c r="E115" s="11">
        <v>24607156.59</v>
      </c>
      <c r="F115" s="11">
        <v>97165355.510000005</v>
      </c>
      <c r="G115" s="11">
        <v>0.89</v>
      </c>
      <c r="H115" s="11">
        <v>165599978.49000001</v>
      </c>
      <c r="I115" s="11">
        <v>19340450.84</v>
      </c>
      <c r="J115" s="11">
        <v>82625788.159999996</v>
      </c>
      <c r="K115" s="11">
        <v>0.84</v>
      </c>
      <c r="L115" s="11">
        <v>180139545.84</v>
      </c>
    </row>
    <row r="116" spans="1:12" x14ac:dyDescent="0.25">
      <c r="A116" s="2" t="s">
        <v>225</v>
      </c>
      <c r="B116" s="4" t="s">
        <v>635</v>
      </c>
      <c r="C116" s="12">
        <v>113138800</v>
      </c>
      <c r="D116" s="12">
        <v>113188800</v>
      </c>
      <c r="E116" s="12">
        <v>15100793.67</v>
      </c>
      <c r="F116" s="12">
        <v>71020115.469999999</v>
      </c>
      <c r="G116" s="12">
        <v>0.65</v>
      </c>
      <c r="H116" s="12">
        <v>42168684.530000001</v>
      </c>
      <c r="I116" s="12">
        <v>14417707.689999999</v>
      </c>
      <c r="J116" s="12">
        <v>69279622.870000005</v>
      </c>
      <c r="K116" s="12">
        <v>0.71</v>
      </c>
      <c r="L116" s="12">
        <v>43909177.130000003</v>
      </c>
    </row>
    <row r="117" spans="1:12" x14ac:dyDescent="0.25">
      <c r="A117" s="2" t="s">
        <v>227</v>
      </c>
      <c r="B117" s="4" t="s">
        <v>684</v>
      </c>
      <c r="C117" s="12">
        <v>1000</v>
      </c>
      <c r="D117" s="12">
        <v>1000</v>
      </c>
      <c r="E117" s="12">
        <v>0</v>
      </c>
      <c r="F117" s="12">
        <v>0</v>
      </c>
      <c r="G117" s="12">
        <v>0</v>
      </c>
      <c r="H117" s="12">
        <v>1000</v>
      </c>
      <c r="I117" s="12">
        <v>0</v>
      </c>
      <c r="J117" s="12">
        <v>0</v>
      </c>
      <c r="K117" s="12">
        <v>0</v>
      </c>
      <c r="L117" s="12">
        <v>1000</v>
      </c>
    </row>
    <row r="118" spans="1:12" x14ac:dyDescent="0.25">
      <c r="A118" s="2" t="s">
        <v>229</v>
      </c>
      <c r="B118" s="4" t="s">
        <v>692</v>
      </c>
      <c r="C118" s="12">
        <v>100</v>
      </c>
      <c r="D118" s="12">
        <v>100</v>
      </c>
      <c r="E118" s="12">
        <v>0</v>
      </c>
      <c r="F118" s="12">
        <v>0</v>
      </c>
      <c r="G118" s="12">
        <v>0</v>
      </c>
      <c r="H118" s="12">
        <v>100</v>
      </c>
      <c r="I118" s="12">
        <v>0</v>
      </c>
      <c r="J118" s="12">
        <v>0</v>
      </c>
      <c r="K118" s="12">
        <v>0</v>
      </c>
      <c r="L118" s="12">
        <v>100</v>
      </c>
    </row>
    <row r="119" spans="1:12" x14ac:dyDescent="0.25">
      <c r="A119" s="2" t="s">
        <v>231</v>
      </c>
      <c r="B119" s="4" t="s">
        <v>693</v>
      </c>
      <c r="C119" s="12">
        <v>1000000</v>
      </c>
      <c r="D119" s="12">
        <v>1000000</v>
      </c>
      <c r="E119" s="12">
        <v>0</v>
      </c>
      <c r="F119" s="12">
        <v>0</v>
      </c>
      <c r="G119" s="12">
        <v>0</v>
      </c>
      <c r="H119" s="12">
        <v>1000000</v>
      </c>
      <c r="I119" s="12">
        <v>0</v>
      </c>
      <c r="J119" s="12">
        <v>0</v>
      </c>
      <c r="K119" s="12">
        <v>0</v>
      </c>
      <c r="L119" s="12">
        <v>1000000</v>
      </c>
    </row>
    <row r="120" spans="1:12" x14ac:dyDescent="0.25">
      <c r="A120" s="2" t="s">
        <v>233</v>
      </c>
      <c r="B120" s="4" t="s">
        <v>695</v>
      </c>
      <c r="C120" s="12">
        <v>420000</v>
      </c>
      <c r="D120" s="12">
        <v>476000</v>
      </c>
      <c r="E120" s="12">
        <v>0</v>
      </c>
      <c r="F120" s="12">
        <v>107741</v>
      </c>
      <c r="G120" s="12">
        <v>0</v>
      </c>
      <c r="H120" s="12">
        <v>368259</v>
      </c>
      <c r="I120" s="12">
        <v>105826</v>
      </c>
      <c r="J120" s="12">
        <v>105826</v>
      </c>
      <c r="K120" s="12">
        <v>0</v>
      </c>
      <c r="L120" s="12">
        <v>370174</v>
      </c>
    </row>
    <row r="121" spans="1:12" x14ac:dyDescent="0.25">
      <c r="A121" s="2" t="s">
        <v>235</v>
      </c>
      <c r="B121" s="4" t="s">
        <v>697</v>
      </c>
      <c r="C121" s="12">
        <v>61500</v>
      </c>
      <c r="D121" s="12">
        <v>4419000</v>
      </c>
      <c r="E121" s="12">
        <v>679821.1</v>
      </c>
      <c r="F121" s="12">
        <v>1624966.31</v>
      </c>
      <c r="G121" s="12">
        <v>0.01</v>
      </c>
      <c r="H121" s="12">
        <v>2794033.69</v>
      </c>
      <c r="I121" s="12">
        <v>23369.41</v>
      </c>
      <c r="J121" s="12">
        <v>169358.11</v>
      </c>
      <c r="K121" s="12">
        <v>0</v>
      </c>
      <c r="L121" s="12">
        <v>4249641.8899999997</v>
      </c>
    </row>
    <row r="122" spans="1:12" x14ac:dyDescent="0.25">
      <c r="A122" s="2" t="s">
        <v>237</v>
      </c>
      <c r="B122" s="4" t="s">
        <v>699</v>
      </c>
      <c r="C122" s="12">
        <v>25974000</v>
      </c>
      <c r="D122" s="12">
        <v>102865034</v>
      </c>
      <c r="E122" s="12">
        <v>6660224.2199999997</v>
      </c>
      <c r="F122" s="12">
        <v>9893338.5</v>
      </c>
      <c r="G122" s="12">
        <v>0.09</v>
      </c>
      <c r="H122" s="12">
        <v>92971695.5</v>
      </c>
      <c r="I122" s="12">
        <v>627985.42000000004</v>
      </c>
      <c r="J122" s="12">
        <v>2214826.27</v>
      </c>
      <c r="K122" s="12">
        <v>0.02</v>
      </c>
      <c r="L122" s="12">
        <v>100650207.73</v>
      </c>
    </row>
    <row r="123" spans="1:12" x14ac:dyDescent="0.25">
      <c r="A123" s="2" t="s">
        <v>239</v>
      </c>
      <c r="B123" s="4" t="s">
        <v>700</v>
      </c>
      <c r="C123" s="12">
        <v>100000</v>
      </c>
      <c r="D123" s="12">
        <v>100000</v>
      </c>
      <c r="E123" s="12">
        <v>0</v>
      </c>
      <c r="F123" s="12">
        <v>0</v>
      </c>
      <c r="G123" s="12">
        <v>0</v>
      </c>
      <c r="H123" s="12">
        <v>100000</v>
      </c>
      <c r="I123" s="12">
        <v>0</v>
      </c>
      <c r="J123" s="12">
        <v>0</v>
      </c>
      <c r="K123" s="12">
        <v>0</v>
      </c>
      <c r="L123" s="12">
        <v>100000</v>
      </c>
    </row>
    <row r="124" spans="1:12" x14ac:dyDescent="0.25">
      <c r="A124" s="2" t="s">
        <v>241</v>
      </c>
      <c r="B124" s="4" t="s">
        <v>701</v>
      </c>
      <c r="C124" s="12">
        <v>8555100</v>
      </c>
      <c r="D124" s="12">
        <v>8555100</v>
      </c>
      <c r="E124" s="12">
        <v>5570.76</v>
      </c>
      <c r="F124" s="12">
        <v>1659660.02</v>
      </c>
      <c r="G124" s="12">
        <v>0.02</v>
      </c>
      <c r="H124" s="12">
        <v>6895439.9800000004</v>
      </c>
      <c r="I124" s="12">
        <v>5570.76</v>
      </c>
      <c r="J124" s="12">
        <v>1659660.02</v>
      </c>
      <c r="K124" s="12">
        <v>0.02</v>
      </c>
      <c r="L124" s="12">
        <v>6895439.9800000004</v>
      </c>
    </row>
    <row r="125" spans="1:12" x14ac:dyDescent="0.25">
      <c r="A125" s="2" t="s">
        <v>243</v>
      </c>
      <c r="B125" s="4" t="s">
        <v>702</v>
      </c>
      <c r="C125" s="12">
        <v>20635600</v>
      </c>
      <c r="D125" s="12">
        <v>32160300</v>
      </c>
      <c r="E125" s="12">
        <v>2160746.84</v>
      </c>
      <c r="F125" s="12">
        <v>12859534.210000001</v>
      </c>
      <c r="G125" s="12">
        <v>0.12</v>
      </c>
      <c r="H125" s="12">
        <v>19300765.789999999</v>
      </c>
      <c r="I125" s="12">
        <v>4159991.56</v>
      </c>
      <c r="J125" s="12">
        <v>9196494.8900000006</v>
      </c>
      <c r="K125" s="12">
        <v>0.09</v>
      </c>
      <c r="L125" s="12">
        <v>22963805.109999999</v>
      </c>
    </row>
    <row r="126" spans="1:12" x14ac:dyDescent="0.25">
      <c r="A126" s="3" t="s">
        <v>245</v>
      </c>
      <c r="B126" s="5" t="s">
        <v>703</v>
      </c>
      <c r="C126" s="11">
        <v>3830000</v>
      </c>
      <c r="D126" s="11">
        <v>10983000</v>
      </c>
      <c r="E126" s="11">
        <v>434215.81</v>
      </c>
      <c r="F126" s="11">
        <v>2335602.89</v>
      </c>
      <c r="G126" s="11">
        <v>0.02</v>
      </c>
      <c r="H126" s="11">
        <v>8647397.1099999994</v>
      </c>
      <c r="I126" s="11">
        <v>254160.89</v>
      </c>
      <c r="J126" s="11">
        <v>1432529.28</v>
      </c>
      <c r="K126" s="11">
        <v>0.01</v>
      </c>
      <c r="L126" s="11">
        <v>9550470.7200000007</v>
      </c>
    </row>
    <row r="127" spans="1:12" x14ac:dyDescent="0.25">
      <c r="A127" s="2" t="s">
        <v>247</v>
      </c>
      <c r="B127" s="4" t="s">
        <v>704</v>
      </c>
      <c r="C127" s="12">
        <v>3830000</v>
      </c>
      <c r="D127" s="12">
        <v>10983000</v>
      </c>
      <c r="E127" s="12">
        <v>434215.81</v>
      </c>
      <c r="F127" s="12">
        <v>2335602.89</v>
      </c>
      <c r="G127" s="12">
        <v>0.02</v>
      </c>
      <c r="H127" s="12">
        <v>8647397.1099999994</v>
      </c>
      <c r="I127" s="12">
        <v>254160.89</v>
      </c>
      <c r="J127" s="12">
        <v>1432529.28</v>
      </c>
      <c r="K127" s="12">
        <v>0.01</v>
      </c>
      <c r="L127" s="12">
        <v>9550470.7200000007</v>
      </c>
    </row>
    <row r="128" spans="1:12" x14ac:dyDescent="0.25">
      <c r="A128" s="3" t="s">
        <v>249</v>
      </c>
      <c r="B128" s="5" t="s">
        <v>705</v>
      </c>
      <c r="C128" s="11">
        <v>217427400</v>
      </c>
      <c r="D128" s="11">
        <v>118013579</v>
      </c>
      <c r="E128" s="11">
        <v>5497265.54</v>
      </c>
      <c r="F128" s="11">
        <v>15326469.51</v>
      </c>
      <c r="G128" s="11">
        <v>0.14000000000000001</v>
      </c>
      <c r="H128" s="11">
        <v>102687109.48999999</v>
      </c>
      <c r="I128" s="11">
        <v>5585762.8300000001</v>
      </c>
      <c r="J128" s="11">
        <v>14889192.85</v>
      </c>
      <c r="K128" s="11">
        <v>0.15</v>
      </c>
      <c r="L128" s="11">
        <v>103124386.15000001</v>
      </c>
    </row>
    <row r="129" spans="1:12" x14ac:dyDescent="0.25">
      <c r="A129" s="2" t="s">
        <v>251</v>
      </c>
      <c r="B129" s="4" t="s">
        <v>706</v>
      </c>
      <c r="C129" s="12">
        <v>217427400</v>
      </c>
      <c r="D129" s="12">
        <v>118013579</v>
      </c>
      <c r="E129" s="12">
        <v>5497265.54</v>
      </c>
      <c r="F129" s="12">
        <v>15326469.51</v>
      </c>
      <c r="G129" s="12">
        <v>0.14000000000000001</v>
      </c>
      <c r="H129" s="12">
        <v>102687109.48999999</v>
      </c>
      <c r="I129" s="12">
        <v>5585762.8300000001</v>
      </c>
      <c r="J129" s="12">
        <v>14889192.85</v>
      </c>
      <c r="K129" s="12">
        <v>0.15</v>
      </c>
      <c r="L129" s="12">
        <v>103124386.15000001</v>
      </c>
    </row>
    <row r="130" spans="1:12" x14ac:dyDescent="0.25">
      <c r="A130" s="3" t="s">
        <v>253</v>
      </c>
      <c r="B130" s="5" t="s">
        <v>707</v>
      </c>
      <c r="C130" s="11">
        <v>40061100</v>
      </c>
      <c r="D130" s="11">
        <v>41638346</v>
      </c>
      <c r="E130" s="11">
        <v>2614852.2599999998</v>
      </c>
      <c r="F130" s="11">
        <v>13022865.529999999</v>
      </c>
      <c r="G130" s="11">
        <v>0.11</v>
      </c>
      <c r="H130" s="11">
        <v>28615480.469999999</v>
      </c>
      <c r="I130" s="11">
        <v>3370336.1</v>
      </c>
      <c r="J130" s="11">
        <v>11409958.51</v>
      </c>
      <c r="K130" s="11">
        <v>0.12</v>
      </c>
      <c r="L130" s="11">
        <v>30228387.489999998</v>
      </c>
    </row>
    <row r="131" spans="1:12" x14ac:dyDescent="0.25">
      <c r="A131" s="2" t="s">
        <v>255</v>
      </c>
      <c r="B131" s="4" t="s">
        <v>708</v>
      </c>
      <c r="C131" s="12">
        <v>12821600</v>
      </c>
      <c r="D131" s="12">
        <v>12949600</v>
      </c>
      <c r="E131" s="12">
        <v>1301732.49</v>
      </c>
      <c r="F131" s="12">
        <v>5465374.75</v>
      </c>
      <c r="G131" s="12">
        <v>0.05</v>
      </c>
      <c r="H131" s="12">
        <v>7484225.25</v>
      </c>
      <c r="I131" s="12">
        <v>1278285.8899999999</v>
      </c>
      <c r="J131" s="12">
        <v>5094630.97</v>
      </c>
      <c r="K131" s="12">
        <v>0.05</v>
      </c>
      <c r="L131" s="12">
        <v>7854969.0300000003</v>
      </c>
    </row>
    <row r="132" spans="1:12" x14ac:dyDescent="0.25">
      <c r="A132" s="2" t="s">
        <v>257</v>
      </c>
      <c r="B132" s="4" t="s">
        <v>709</v>
      </c>
      <c r="C132" s="12">
        <v>100</v>
      </c>
      <c r="D132" s="12">
        <v>100</v>
      </c>
      <c r="E132" s="12">
        <v>0</v>
      </c>
      <c r="F132" s="12">
        <v>0</v>
      </c>
      <c r="G132" s="12">
        <v>0</v>
      </c>
      <c r="H132" s="12">
        <v>100</v>
      </c>
      <c r="I132" s="12">
        <v>0</v>
      </c>
      <c r="J132" s="12">
        <v>0</v>
      </c>
      <c r="K132" s="12">
        <v>0</v>
      </c>
      <c r="L132" s="12">
        <v>100</v>
      </c>
    </row>
    <row r="133" spans="1:12" x14ac:dyDescent="0.25">
      <c r="A133" s="2" t="s">
        <v>259</v>
      </c>
      <c r="B133" s="4" t="s">
        <v>710</v>
      </c>
      <c r="C133" s="12">
        <v>9792300</v>
      </c>
      <c r="D133" s="12">
        <v>8665699</v>
      </c>
      <c r="E133" s="12">
        <v>1034059.73</v>
      </c>
      <c r="F133" s="12">
        <v>4900623.2699999996</v>
      </c>
      <c r="G133" s="12">
        <v>0.04</v>
      </c>
      <c r="H133" s="12">
        <v>3765075.73</v>
      </c>
      <c r="I133" s="12">
        <v>1034187.74</v>
      </c>
      <c r="J133" s="12">
        <v>4478857.72</v>
      </c>
      <c r="K133" s="12">
        <v>0.05</v>
      </c>
      <c r="L133" s="12">
        <v>4186841.28</v>
      </c>
    </row>
    <row r="134" spans="1:12" x14ac:dyDescent="0.25">
      <c r="A134" s="2" t="s">
        <v>261</v>
      </c>
      <c r="B134" s="4" t="s">
        <v>711</v>
      </c>
      <c r="C134" s="12">
        <v>17447100</v>
      </c>
      <c r="D134" s="12">
        <v>20022947</v>
      </c>
      <c r="E134" s="12">
        <v>279060.03999999998</v>
      </c>
      <c r="F134" s="12">
        <v>2656867.5099999998</v>
      </c>
      <c r="G134" s="12">
        <v>0.02</v>
      </c>
      <c r="H134" s="12">
        <v>17366079.489999998</v>
      </c>
      <c r="I134" s="12">
        <v>1057862.47</v>
      </c>
      <c r="J134" s="12">
        <v>1836469.82</v>
      </c>
      <c r="K134" s="12">
        <v>0.02</v>
      </c>
      <c r="L134" s="12">
        <v>18186477.18</v>
      </c>
    </row>
    <row r="135" spans="1:12" x14ac:dyDescent="0.25">
      <c r="A135" s="3" t="s">
        <v>263</v>
      </c>
      <c r="B135" s="5" t="s">
        <v>712</v>
      </c>
      <c r="C135" s="11">
        <v>1600</v>
      </c>
      <c r="D135" s="11">
        <v>1600</v>
      </c>
      <c r="E135" s="11">
        <v>0</v>
      </c>
      <c r="F135" s="11">
        <v>0</v>
      </c>
      <c r="G135" s="11">
        <v>0</v>
      </c>
      <c r="H135" s="11">
        <v>1600</v>
      </c>
      <c r="I135" s="11">
        <v>0</v>
      </c>
      <c r="J135" s="11">
        <v>0</v>
      </c>
      <c r="K135" s="11">
        <v>0</v>
      </c>
      <c r="L135" s="11">
        <v>1600</v>
      </c>
    </row>
    <row r="136" spans="1:12" x14ac:dyDescent="0.25">
      <c r="A136" s="2" t="s">
        <v>265</v>
      </c>
      <c r="B136" s="4" t="s">
        <v>638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  <c r="J136" s="12">
        <v>0</v>
      </c>
      <c r="K136" s="12">
        <v>0</v>
      </c>
      <c r="L136" s="12">
        <v>0</v>
      </c>
    </row>
    <row r="137" spans="1:12" x14ac:dyDescent="0.25">
      <c r="A137" s="2" t="s">
        <v>267</v>
      </c>
      <c r="B137" s="4" t="s">
        <v>713</v>
      </c>
      <c r="C137" s="12">
        <v>1600</v>
      </c>
      <c r="D137" s="12">
        <v>1600</v>
      </c>
      <c r="E137" s="12">
        <v>0</v>
      </c>
      <c r="F137" s="12">
        <v>0</v>
      </c>
      <c r="G137" s="12">
        <v>0</v>
      </c>
      <c r="H137" s="12">
        <v>1600</v>
      </c>
      <c r="I137" s="12">
        <v>0</v>
      </c>
      <c r="J137" s="12">
        <v>0</v>
      </c>
      <c r="K137" s="12">
        <v>0</v>
      </c>
      <c r="L137" s="12">
        <v>1600</v>
      </c>
    </row>
    <row r="138" spans="1:12" x14ac:dyDescent="0.25">
      <c r="A138" s="3" t="s">
        <v>269</v>
      </c>
      <c r="B138" s="5" t="s">
        <v>714</v>
      </c>
      <c r="C138" s="11">
        <v>2000</v>
      </c>
      <c r="D138" s="11">
        <v>3521200</v>
      </c>
      <c r="E138" s="11">
        <v>0</v>
      </c>
      <c r="F138" s="11">
        <v>413845.9</v>
      </c>
      <c r="G138" s="11">
        <v>0</v>
      </c>
      <c r="H138" s="11">
        <v>3107354.1</v>
      </c>
      <c r="I138" s="11">
        <v>32269.37</v>
      </c>
      <c r="J138" s="11">
        <v>292772.8</v>
      </c>
      <c r="K138" s="11">
        <v>0</v>
      </c>
      <c r="L138" s="11">
        <v>3228427.2</v>
      </c>
    </row>
    <row r="139" spans="1:12" x14ac:dyDescent="0.25">
      <c r="A139" s="2" t="s">
        <v>271</v>
      </c>
      <c r="B139" s="4" t="s">
        <v>715</v>
      </c>
      <c r="C139" s="12">
        <v>1000</v>
      </c>
      <c r="D139" s="12">
        <v>1000</v>
      </c>
      <c r="E139" s="12">
        <v>0</v>
      </c>
      <c r="F139" s="12">
        <v>0</v>
      </c>
      <c r="G139" s="12">
        <v>0</v>
      </c>
      <c r="H139" s="12">
        <v>1000</v>
      </c>
      <c r="I139" s="12">
        <v>0</v>
      </c>
      <c r="J139" s="12">
        <v>0</v>
      </c>
      <c r="K139" s="12">
        <v>0</v>
      </c>
      <c r="L139" s="12">
        <v>1000</v>
      </c>
    </row>
    <row r="140" spans="1:12" x14ac:dyDescent="0.25">
      <c r="A140" s="2" t="s">
        <v>273</v>
      </c>
      <c r="B140" s="4" t="s">
        <v>716</v>
      </c>
      <c r="C140" s="12">
        <v>1000</v>
      </c>
      <c r="D140" s="12">
        <v>3520200</v>
      </c>
      <c r="E140" s="12">
        <v>0</v>
      </c>
      <c r="F140" s="12">
        <v>413845.9</v>
      </c>
      <c r="G140" s="12">
        <v>0</v>
      </c>
      <c r="H140" s="12">
        <v>3106354.1</v>
      </c>
      <c r="I140" s="12">
        <v>32269.37</v>
      </c>
      <c r="J140" s="12">
        <v>292772.8</v>
      </c>
      <c r="K140" s="12">
        <v>0</v>
      </c>
      <c r="L140" s="12">
        <v>3227427.2</v>
      </c>
    </row>
    <row r="141" spans="1:12" x14ac:dyDescent="0.25">
      <c r="A141" s="3" t="s">
        <v>275</v>
      </c>
      <c r="B141" s="5" t="s">
        <v>717</v>
      </c>
      <c r="C141" s="11">
        <v>978760600</v>
      </c>
      <c r="D141" s="11">
        <v>1202811786.6800001</v>
      </c>
      <c r="E141" s="11">
        <v>162332587.63</v>
      </c>
      <c r="F141" s="11">
        <v>786084073.76999998</v>
      </c>
      <c r="G141" s="11">
        <v>7.17</v>
      </c>
      <c r="H141" s="11">
        <v>416727712.91000003</v>
      </c>
      <c r="I141" s="11">
        <v>162744246.52000001</v>
      </c>
      <c r="J141" s="11">
        <v>576785074.08000004</v>
      </c>
      <c r="K141" s="11">
        <v>5.94</v>
      </c>
      <c r="L141" s="11">
        <v>626026712.60000002</v>
      </c>
    </row>
    <row r="142" spans="1:12" x14ac:dyDescent="0.25">
      <c r="A142" s="2" t="s">
        <v>277</v>
      </c>
      <c r="B142" s="4" t="s">
        <v>635</v>
      </c>
      <c r="C142" s="12">
        <v>94096100</v>
      </c>
      <c r="D142" s="12">
        <v>73185718.140000001</v>
      </c>
      <c r="E142" s="12">
        <v>9135922.3499999996</v>
      </c>
      <c r="F142" s="12">
        <v>42089543.75</v>
      </c>
      <c r="G142" s="12">
        <v>0.38</v>
      </c>
      <c r="H142" s="12">
        <v>31096174.390000001</v>
      </c>
      <c r="I142" s="12">
        <v>9075163.0500000007</v>
      </c>
      <c r="J142" s="12">
        <v>41070181.789999999</v>
      </c>
      <c r="K142" s="12">
        <v>0.42</v>
      </c>
      <c r="L142" s="12">
        <v>32115536.350000001</v>
      </c>
    </row>
    <row r="143" spans="1:12" x14ac:dyDescent="0.25">
      <c r="A143" s="2" t="s">
        <v>279</v>
      </c>
      <c r="B143" s="4" t="s">
        <v>710</v>
      </c>
      <c r="C143" s="12">
        <v>100</v>
      </c>
      <c r="D143" s="12">
        <v>100</v>
      </c>
      <c r="E143" s="12">
        <v>0</v>
      </c>
      <c r="F143" s="12">
        <v>0</v>
      </c>
      <c r="G143" s="12">
        <v>0</v>
      </c>
      <c r="H143" s="12">
        <v>100</v>
      </c>
      <c r="I143" s="12">
        <v>0</v>
      </c>
      <c r="J143" s="12">
        <v>0</v>
      </c>
      <c r="K143" s="12">
        <v>0</v>
      </c>
      <c r="L143" s="12">
        <v>100</v>
      </c>
    </row>
    <row r="144" spans="1:12" x14ac:dyDescent="0.25">
      <c r="A144" s="2" t="s">
        <v>281</v>
      </c>
      <c r="B144" s="4" t="s">
        <v>718</v>
      </c>
      <c r="C144" s="12">
        <v>629400</v>
      </c>
      <c r="D144" s="12">
        <v>7471015</v>
      </c>
      <c r="E144" s="12">
        <v>3497538.89</v>
      </c>
      <c r="F144" s="12">
        <v>4688846.66</v>
      </c>
      <c r="G144" s="12">
        <v>0.04</v>
      </c>
      <c r="H144" s="12">
        <v>2782168.34</v>
      </c>
      <c r="I144" s="12">
        <v>77985.960000000006</v>
      </c>
      <c r="J144" s="12">
        <v>741862.99</v>
      </c>
      <c r="K144" s="12">
        <v>0.01</v>
      </c>
      <c r="L144" s="12">
        <v>6729152.0099999998</v>
      </c>
    </row>
    <row r="145" spans="1:12" x14ac:dyDescent="0.25">
      <c r="A145" s="2" t="s">
        <v>283</v>
      </c>
      <c r="B145" s="4" t="s">
        <v>719</v>
      </c>
      <c r="C145" s="12">
        <v>884032800</v>
      </c>
      <c r="D145" s="12">
        <v>1122152753.54</v>
      </c>
      <c r="E145" s="12">
        <v>149699126.38999999</v>
      </c>
      <c r="F145" s="12">
        <v>739305683.36000001</v>
      </c>
      <c r="G145" s="12">
        <v>6.75</v>
      </c>
      <c r="H145" s="12">
        <v>382847070.18000001</v>
      </c>
      <c r="I145" s="12">
        <v>153591097.50999999</v>
      </c>
      <c r="J145" s="12">
        <v>534973029.30000001</v>
      </c>
      <c r="K145" s="12">
        <v>5.51</v>
      </c>
      <c r="L145" s="12">
        <v>587179724.24000001</v>
      </c>
    </row>
    <row r="146" spans="1:12" x14ac:dyDescent="0.25">
      <c r="A146" s="2" t="s">
        <v>285</v>
      </c>
      <c r="B146" s="4" t="s">
        <v>720</v>
      </c>
      <c r="C146" s="12">
        <v>1100</v>
      </c>
      <c r="D146" s="12">
        <v>1100</v>
      </c>
      <c r="E146" s="12">
        <v>0</v>
      </c>
      <c r="F146" s="12">
        <v>0</v>
      </c>
      <c r="G146" s="12">
        <v>0</v>
      </c>
      <c r="H146" s="12">
        <v>1100</v>
      </c>
      <c r="I146" s="12">
        <v>0</v>
      </c>
      <c r="J146" s="12">
        <v>0</v>
      </c>
      <c r="K146" s="12">
        <v>0</v>
      </c>
      <c r="L146" s="12">
        <v>1100</v>
      </c>
    </row>
    <row r="147" spans="1:12" x14ac:dyDescent="0.25">
      <c r="A147" s="2" t="s">
        <v>287</v>
      </c>
      <c r="B147" s="4" t="s">
        <v>721</v>
      </c>
      <c r="C147" s="12">
        <v>1100</v>
      </c>
      <c r="D147" s="12">
        <v>1100</v>
      </c>
      <c r="E147" s="12">
        <v>0</v>
      </c>
      <c r="F147" s="12">
        <v>0</v>
      </c>
      <c r="G147" s="12">
        <v>0</v>
      </c>
      <c r="H147" s="12">
        <v>1100</v>
      </c>
      <c r="I147" s="12">
        <v>0</v>
      </c>
      <c r="J147" s="12">
        <v>0</v>
      </c>
      <c r="K147" s="12">
        <v>0</v>
      </c>
      <c r="L147" s="12">
        <v>1100</v>
      </c>
    </row>
    <row r="148" spans="1:12" x14ac:dyDescent="0.25">
      <c r="A148" s="3" t="s">
        <v>289</v>
      </c>
      <c r="B148" s="5" t="s">
        <v>722</v>
      </c>
      <c r="C148" s="11">
        <v>38644000</v>
      </c>
      <c r="D148" s="11">
        <v>38896208.409999996</v>
      </c>
      <c r="E148" s="11">
        <v>1185151.56</v>
      </c>
      <c r="F148" s="11">
        <v>6612559.5899999999</v>
      </c>
      <c r="G148" s="11">
        <v>0.06</v>
      </c>
      <c r="H148" s="11">
        <v>32283648.82</v>
      </c>
      <c r="I148" s="11">
        <v>963052.98</v>
      </c>
      <c r="J148" s="11">
        <v>5770643.8200000003</v>
      </c>
      <c r="K148" s="11">
        <v>0.06</v>
      </c>
      <c r="L148" s="11">
        <v>33125564.59</v>
      </c>
    </row>
    <row r="149" spans="1:12" x14ac:dyDescent="0.25">
      <c r="A149" s="2" t="s">
        <v>291</v>
      </c>
      <c r="B149" s="4" t="s">
        <v>635</v>
      </c>
      <c r="C149" s="12">
        <v>5582400</v>
      </c>
      <c r="D149" s="12">
        <v>5672400</v>
      </c>
      <c r="E149" s="12">
        <v>379916.5</v>
      </c>
      <c r="F149" s="12">
        <v>1356063.99</v>
      </c>
      <c r="G149" s="12">
        <v>0.01</v>
      </c>
      <c r="H149" s="12">
        <v>4316336.01</v>
      </c>
      <c r="I149" s="12">
        <v>158344.6</v>
      </c>
      <c r="J149" s="12">
        <v>702166.55</v>
      </c>
      <c r="K149" s="12">
        <v>0.01</v>
      </c>
      <c r="L149" s="12">
        <v>4970233.45</v>
      </c>
    </row>
    <row r="150" spans="1:12" x14ac:dyDescent="0.25">
      <c r="A150" s="2" t="s">
        <v>293</v>
      </c>
      <c r="B150" s="4" t="s">
        <v>723</v>
      </c>
      <c r="C150" s="12">
        <v>25584600</v>
      </c>
      <c r="D150" s="12">
        <v>25226400</v>
      </c>
      <c r="E150" s="12">
        <v>225446.6</v>
      </c>
      <c r="F150" s="12">
        <v>1980982.12</v>
      </c>
      <c r="G150" s="12">
        <v>0.02</v>
      </c>
      <c r="H150" s="12">
        <v>23245417.879999999</v>
      </c>
      <c r="I150" s="12">
        <v>225446.6</v>
      </c>
      <c r="J150" s="12">
        <v>1938999.18</v>
      </c>
      <c r="K150" s="12">
        <v>0.02</v>
      </c>
      <c r="L150" s="12">
        <v>23287400.82</v>
      </c>
    </row>
    <row r="151" spans="1:12" x14ac:dyDescent="0.25">
      <c r="A151" s="2" t="s">
        <v>295</v>
      </c>
      <c r="B151" s="4" t="s">
        <v>724</v>
      </c>
      <c r="C151" s="12">
        <v>7477000</v>
      </c>
      <c r="D151" s="12">
        <v>7997408.4100000001</v>
      </c>
      <c r="E151" s="12">
        <v>579788.46</v>
      </c>
      <c r="F151" s="12">
        <v>3275513.48</v>
      </c>
      <c r="G151" s="12">
        <v>0.03</v>
      </c>
      <c r="H151" s="12">
        <v>4721894.93</v>
      </c>
      <c r="I151" s="12">
        <v>579261.78</v>
      </c>
      <c r="J151" s="12">
        <v>3129478.09</v>
      </c>
      <c r="K151" s="12">
        <v>0.03</v>
      </c>
      <c r="L151" s="12">
        <v>4867930.32</v>
      </c>
    </row>
    <row r="152" spans="1:12" x14ac:dyDescent="0.25">
      <c r="A152" s="3" t="s">
        <v>297</v>
      </c>
      <c r="B152" s="5" t="s">
        <v>725</v>
      </c>
      <c r="C152" s="11">
        <v>1088895100</v>
      </c>
      <c r="D152" s="11">
        <v>804876314.75</v>
      </c>
      <c r="E152" s="11">
        <v>30574686.710000001</v>
      </c>
      <c r="F152" s="11">
        <v>316732819.67000002</v>
      </c>
      <c r="G152" s="11">
        <v>2.9</v>
      </c>
      <c r="H152" s="11">
        <v>488143495.07999998</v>
      </c>
      <c r="I152" s="11">
        <v>43404369.640000001</v>
      </c>
      <c r="J152" s="11">
        <v>294302370.13999999</v>
      </c>
      <c r="K152" s="11">
        <v>3.03</v>
      </c>
      <c r="L152" s="11">
        <v>510573944.61000001</v>
      </c>
    </row>
    <row r="153" spans="1:12" x14ac:dyDescent="0.25">
      <c r="A153" s="2" t="s">
        <v>299</v>
      </c>
      <c r="B153" s="4" t="s">
        <v>726</v>
      </c>
      <c r="C153" s="12">
        <v>411477000</v>
      </c>
      <c r="D153" s="12">
        <v>291977000</v>
      </c>
      <c r="E153" s="12">
        <v>0</v>
      </c>
      <c r="F153" s="12">
        <v>62566153.859999999</v>
      </c>
      <c r="G153" s="12">
        <v>0.56999999999999995</v>
      </c>
      <c r="H153" s="12">
        <v>229410846.13999999</v>
      </c>
      <c r="I153" s="12">
        <v>0</v>
      </c>
      <c r="J153" s="12">
        <v>62566153.859999999</v>
      </c>
      <c r="K153" s="12">
        <v>0.64</v>
      </c>
      <c r="L153" s="12">
        <v>229410846.13999999</v>
      </c>
    </row>
    <row r="154" spans="1:12" x14ac:dyDescent="0.25">
      <c r="A154" s="2" t="s">
        <v>301</v>
      </c>
      <c r="B154" s="4" t="s">
        <v>659</v>
      </c>
      <c r="C154" s="12">
        <v>168250100</v>
      </c>
      <c r="D154" s="12">
        <v>168250100</v>
      </c>
      <c r="E154" s="12">
        <v>3089031.01</v>
      </c>
      <c r="F154" s="12">
        <v>84889908.030000001</v>
      </c>
      <c r="G154" s="12">
        <v>0.78</v>
      </c>
      <c r="H154" s="12">
        <v>83360191.969999999</v>
      </c>
      <c r="I154" s="12">
        <v>3089031.01</v>
      </c>
      <c r="J154" s="12">
        <v>70416135.549999997</v>
      </c>
      <c r="K154" s="12">
        <v>0.72</v>
      </c>
      <c r="L154" s="12">
        <v>97833964.450000003</v>
      </c>
    </row>
    <row r="155" spans="1:12" x14ac:dyDescent="0.25">
      <c r="A155" s="2" t="s">
        <v>303</v>
      </c>
      <c r="B155" s="4" t="s">
        <v>727</v>
      </c>
      <c r="C155" s="12">
        <v>102007600</v>
      </c>
      <c r="D155" s="12">
        <v>127007600</v>
      </c>
      <c r="E155" s="12">
        <v>734743.31</v>
      </c>
      <c r="F155" s="12">
        <v>31309642.75</v>
      </c>
      <c r="G155" s="12">
        <v>0.28999999999999998</v>
      </c>
      <c r="H155" s="12">
        <v>95697957.25</v>
      </c>
      <c r="I155" s="12">
        <v>734743.31</v>
      </c>
      <c r="J155" s="12">
        <v>29679162.75</v>
      </c>
      <c r="K155" s="12">
        <v>0.31</v>
      </c>
      <c r="L155" s="12">
        <v>97328437.25</v>
      </c>
    </row>
    <row r="156" spans="1:12" x14ac:dyDescent="0.25">
      <c r="A156" s="2" t="s">
        <v>305</v>
      </c>
      <c r="B156" s="4" t="s">
        <v>728</v>
      </c>
      <c r="C156" s="12">
        <v>33302200</v>
      </c>
      <c r="D156" s="12">
        <v>33302200</v>
      </c>
      <c r="E156" s="12">
        <v>5523316.6500000004</v>
      </c>
      <c r="F156" s="12">
        <v>24849722.41</v>
      </c>
      <c r="G156" s="12">
        <v>0.23</v>
      </c>
      <c r="H156" s="12">
        <v>8452477.5899999999</v>
      </c>
      <c r="I156" s="12">
        <v>5523316.6500000004</v>
      </c>
      <c r="J156" s="12">
        <v>24849722.41</v>
      </c>
      <c r="K156" s="12">
        <v>0.26</v>
      </c>
      <c r="L156" s="12">
        <v>8452477.5899999999</v>
      </c>
    </row>
    <row r="157" spans="1:12" x14ac:dyDescent="0.25">
      <c r="A157" s="2" t="s">
        <v>307</v>
      </c>
      <c r="B157" s="4" t="s">
        <v>632</v>
      </c>
      <c r="C157" s="12">
        <v>373858200</v>
      </c>
      <c r="D157" s="12">
        <v>184339414.75</v>
      </c>
      <c r="E157" s="12">
        <v>21227595.739999998</v>
      </c>
      <c r="F157" s="12">
        <v>113117392.62</v>
      </c>
      <c r="G157" s="12">
        <v>1.03</v>
      </c>
      <c r="H157" s="12">
        <v>71222022.129999995</v>
      </c>
      <c r="I157" s="12">
        <v>34057278.670000002</v>
      </c>
      <c r="J157" s="12">
        <v>106791195.56999999</v>
      </c>
      <c r="K157" s="12">
        <v>1.1000000000000001</v>
      </c>
      <c r="L157" s="12">
        <v>77548219.180000007</v>
      </c>
    </row>
    <row r="158" spans="1:12" x14ac:dyDescent="0.25">
      <c r="A158" s="3" t="s">
        <v>309</v>
      </c>
      <c r="B158" s="5" t="s">
        <v>729</v>
      </c>
      <c r="C158" s="11">
        <v>128000000</v>
      </c>
      <c r="D158" s="11">
        <v>1203399</v>
      </c>
      <c r="E158" s="11">
        <v>0</v>
      </c>
      <c r="F158" s="11">
        <v>0</v>
      </c>
      <c r="G158" s="11">
        <v>0</v>
      </c>
      <c r="H158" s="11">
        <v>1203399</v>
      </c>
      <c r="I158" s="11">
        <v>0</v>
      </c>
      <c r="J158" s="11">
        <v>0</v>
      </c>
      <c r="K158" s="11">
        <v>0</v>
      </c>
      <c r="L158" s="11">
        <v>1203399</v>
      </c>
    </row>
    <row r="159" spans="1:12" x14ac:dyDescent="0.25">
      <c r="A159" s="2" t="s">
        <v>311</v>
      </c>
      <c r="B159" s="4" t="s">
        <v>730</v>
      </c>
      <c r="C159" s="12">
        <v>128000000</v>
      </c>
      <c r="D159" s="12">
        <v>1203399</v>
      </c>
      <c r="E159" s="12">
        <v>0</v>
      </c>
      <c r="F159" s="12">
        <v>0</v>
      </c>
      <c r="G159" s="12">
        <v>0</v>
      </c>
      <c r="H159" s="12">
        <v>1203399</v>
      </c>
      <c r="I159" s="12">
        <v>0</v>
      </c>
      <c r="J159" s="12">
        <v>0</v>
      </c>
      <c r="K159" s="12">
        <v>0</v>
      </c>
      <c r="L159" s="12">
        <v>1203399</v>
      </c>
    </row>
    <row r="160" spans="1:12" x14ac:dyDescent="0.25">
      <c r="A160" s="3" t="s">
        <v>313</v>
      </c>
      <c r="B160" s="5" t="s">
        <v>731</v>
      </c>
      <c r="C160" s="11">
        <v>1303284700</v>
      </c>
      <c r="D160" s="11">
        <v>1869092292.77</v>
      </c>
      <c r="E160" s="11">
        <v>277802379.05000001</v>
      </c>
      <c r="F160" s="11">
        <v>1357231791.1300001</v>
      </c>
      <c r="G160" s="11">
        <v>12.4</v>
      </c>
      <c r="H160" s="11">
        <v>511860501.63999999</v>
      </c>
      <c r="I160" s="11">
        <v>302489724.97000003</v>
      </c>
      <c r="J160" s="11">
        <v>1302441056.9200001</v>
      </c>
      <c r="K160" s="11">
        <v>13.4</v>
      </c>
      <c r="L160" s="11">
        <v>566651235.85000002</v>
      </c>
    </row>
    <row r="161" spans="1:12" x14ac:dyDescent="0.25">
      <c r="A161" s="3" t="s">
        <v>315</v>
      </c>
      <c r="B161" s="5" t="s">
        <v>629</v>
      </c>
      <c r="C161" s="11">
        <v>112050000</v>
      </c>
      <c r="D161" s="11">
        <v>105170000</v>
      </c>
      <c r="E161" s="11">
        <v>16293413.869999999</v>
      </c>
      <c r="F161" s="11">
        <v>63734005.32</v>
      </c>
      <c r="G161" s="11">
        <v>0.57999999999999996</v>
      </c>
      <c r="H161" s="11">
        <v>41435994.68</v>
      </c>
      <c r="I161" s="11">
        <v>16293413.869999999</v>
      </c>
      <c r="J161" s="11">
        <v>63734005.32</v>
      </c>
      <c r="K161" s="11">
        <v>0.66</v>
      </c>
      <c r="L161" s="11">
        <v>41435994.68</v>
      </c>
    </row>
    <row r="162" spans="1:12" x14ac:dyDescent="0.25">
      <c r="A162" s="2" t="s">
        <v>317</v>
      </c>
      <c r="B162" s="4" t="s">
        <v>630</v>
      </c>
      <c r="C162" s="12">
        <v>53550000</v>
      </c>
      <c r="D162" s="12">
        <v>50670000</v>
      </c>
      <c r="E162" s="12">
        <v>7563805.9100000001</v>
      </c>
      <c r="F162" s="12">
        <v>28915431.960000001</v>
      </c>
      <c r="G162" s="12">
        <v>0.26</v>
      </c>
      <c r="H162" s="12">
        <v>21754568.039999999</v>
      </c>
      <c r="I162" s="12">
        <v>7563805.9100000001</v>
      </c>
      <c r="J162" s="12">
        <v>28915431.960000001</v>
      </c>
      <c r="K162" s="12">
        <v>0.3</v>
      </c>
      <c r="L162" s="12">
        <v>21754568.039999999</v>
      </c>
    </row>
    <row r="163" spans="1:12" x14ac:dyDescent="0.25">
      <c r="A163" s="2" t="s">
        <v>319</v>
      </c>
      <c r="B163" s="4" t="s">
        <v>631</v>
      </c>
      <c r="C163" s="12">
        <v>58500000</v>
      </c>
      <c r="D163" s="12">
        <v>54500000</v>
      </c>
      <c r="E163" s="12">
        <v>8729607.9600000009</v>
      </c>
      <c r="F163" s="12">
        <v>34818573.359999999</v>
      </c>
      <c r="G163" s="12">
        <v>0.32</v>
      </c>
      <c r="H163" s="12">
        <v>19681426.640000001</v>
      </c>
      <c r="I163" s="12">
        <v>8729607.9600000009</v>
      </c>
      <c r="J163" s="12">
        <v>34818573.359999999</v>
      </c>
      <c r="K163" s="12">
        <v>0.36</v>
      </c>
      <c r="L163" s="12">
        <v>19681426.640000001</v>
      </c>
    </row>
    <row r="164" spans="1:12" x14ac:dyDescent="0.25">
      <c r="A164" s="3" t="s">
        <v>321</v>
      </c>
      <c r="B164" s="5" t="s">
        <v>633</v>
      </c>
      <c r="C164" s="11">
        <v>157649300</v>
      </c>
      <c r="D164" s="11">
        <v>158144300</v>
      </c>
      <c r="E164" s="11">
        <v>108000</v>
      </c>
      <c r="F164" s="11">
        <v>158144300</v>
      </c>
      <c r="G164" s="11">
        <v>1.44</v>
      </c>
      <c r="H164" s="11">
        <v>0</v>
      </c>
      <c r="I164" s="11">
        <v>24976223.41</v>
      </c>
      <c r="J164" s="11">
        <v>104005245.51000001</v>
      </c>
      <c r="K164" s="11">
        <v>1.07</v>
      </c>
      <c r="L164" s="11">
        <v>54139054.490000002</v>
      </c>
    </row>
    <row r="165" spans="1:12" x14ac:dyDescent="0.25">
      <c r="A165" s="2" t="s">
        <v>323</v>
      </c>
      <c r="B165" s="4" t="s">
        <v>635</v>
      </c>
      <c r="C165" s="12">
        <v>157649300</v>
      </c>
      <c r="D165" s="12">
        <v>158144300</v>
      </c>
      <c r="E165" s="12">
        <v>108000</v>
      </c>
      <c r="F165" s="12">
        <v>158144300</v>
      </c>
      <c r="G165" s="12">
        <v>1.44</v>
      </c>
      <c r="H165" s="12">
        <v>0</v>
      </c>
      <c r="I165" s="12">
        <v>24976223.41</v>
      </c>
      <c r="J165" s="12">
        <v>104005245.51000001</v>
      </c>
      <c r="K165" s="12">
        <v>1.07</v>
      </c>
      <c r="L165" s="12">
        <v>54139054.490000002</v>
      </c>
    </row>
    <row r="166" spans="1:12" x14ac:dyDescent="0.25">
      <c r="A166" s="3" t="s">
        <v>325</v>
      </c>
      <c r="B166" s="5" t="s">
        <v>639</v>
      </c>
      <c r="C166" s="11">
        <v>100195600</v>
      </c>
      <c r="D166" s="11">
        <v>94632100</v>
      </c>
      <c r="E166" s="11">
        <v>13899291.4</v>
      </c>
      <c r="F166" s="11">
        <v>56722005.93</v>
      </c>
      <c r="G166" s="11">
        <v>0.52</v>
      </c>
      <c r="H166" s="11">
        <v>37910094.07</v>
      </c>
      <c r="I166" s="11">
        <v>13899291.4</v>
      </c>
      <c r="J166" s="11">
        <v>56719051.93</v>
      </c>
      <c r="K166" s="11">
        <v>0.57999999999999996</v>
      </c>
      <c r="L166" s="11">
        <v>37913048.07</v>
      </c>
    </row>
    <row r="167" spans="1:12" x14ac:dyDescent="0.25">
      <c r="A167" s="2" t="s">
        <v>327</v>
      </c>
      <c r="B167" s="4" t="s">
        <v>640</v>
      </c>
      <c r="C167" s="12">
        <v>53919600</v>
      </c>
      <c r="D167" s="12">
        <v>47419600</v>
      </c>
      <c r="E167" s="12">
        <v>7276617.2999999998</v>
      </c>
      <c r="F167" s="12">
        <v>29162696.449999999</v>
      </c>
      <c r="G167" s="12">
        <v>0.27</v>
      </c>
      <c r="H167" s="12">
        <v>18256903.550000001</v>
      </c>
      <c r="I167" s="12">
        <v>7276617.2999999998</v>
      </c>
      <c r="J167" s="12">
        <v>29162696.449999999</v>
      </c>
      <c r="K167" s="12">
        <v>0.3</v>
      </c>
      <c r="L167" s="12">
        <v>18256903.550000001</v>
      </c>
    </row>
    <row r="168" spans="1:12" x14ac:dyDescent="0.25">
      <c r="A168" s="2" t="s">
        <v>328</v>
      </c>
      <c r="B168" s="4" t="s">
        <v>641</v>
      </c>
      <c r="C168" s="12">
        <v>15706000</v>
      </c>
      <c r="D168" s="12">
        <v>16750500</v>
      </c>
      <c r="E168" s="12">
        <v>2157040.5299999998</v>
      </c>
      <c r="F168" s="12">
        <v>9732185.6400000006</v>
      </c>
      <c r="G168" s="12">
        <v>0.09</v>
      </c>
      <c r="H168" s="12">
        <v>7018314.3600000003</v>
      </c>
      <c r="I168" s="12">
        <v>2157040.5299999998</v>
      </c>
      <c r="J168" s="12">
        <v>9729231.6400000006</v>
      </c>
      <c r="K168" s="12">
        <v>0.1</v>
      </c>
      <c r="L168" s="12">
        <v>7021268.3600000003</v>
      </c>
    </row>
    <row r="169" spans="1:12" x14ac:dyDescent="0.25">
      <c r="A169" s="2" t="s">
        <v>329</v>
      </c>
      <c r="B169" s="4" t="s">
        <v>637</v>
      </c>
      <c r="C169" s="12">
        <v>50000</v>
      </c>
      <c r="D169" s="12">
        <v>2000</v>
      </c>
      <c r="E169" s="12">
        <v>0</v>
      </c>
      <c r="F169" s="12">
        <v>0</v>
      </c>
      <c r="G169" s="12">
        <v>0</v>
      </c>
      <c r="H169" s="12">
        <v>2000</v>
      </c>
      <c r="I169" s="12">
        <v>0</v>
      </c>
      <c r="J169" s="12">
        <v>0</v>
      </c>
      <c r="K169" s="12">
        <v>0</v>
      </c>
      <c r="L169" s="12">
        <v>2000</v>
      </c>
    </row>
    <row r="170" spans="1:12" x14ac:dyDescent="0.25">
      <c r="A170" s="2" t="s">
        <v>330</v>
      </c>
      <c r="B170" s="4" t="s">
        <v>642</v>
      </c>
      <c r="C170" s="12">
        <v>30520000</v>
      </c>
      <c r="D170" s="12">
        <v>30460000</v>
      </c>
      <c r="E170" s="12">
        <v>4465633.57</v>
      </c>
      <c r="F170" s="12">
        <v>17827123.84</v>
      </c>
      <c r="G170" s="12">
        <v>0.16</v>
      </c>
      <c r="H170" s="12">
        <v>12632876.16</v>
      </c>
      <c r="I170" s="12">
        <v>4465633.57</v>
      </c>
      <c r="J170" s="12">
        <v>17827123.84</v>
      </c>
      <c r="K170" s="12">
        <v>0.18</v>
      </c>
      <c r="L170" s="12">
        <v>12632876.16</v>
      </c>
    </row>
    <row r="171" spans="1:12" x14ac:dyDescent="0.25">
      <c r="A171" s="3" t="s">
        <v>331</v>
      </c>
      <c r="B171" s="5" t="s">
        <v>643</v>
      </c>
      <c r="C171" s="11">
        <v>184977600</v>
      </c>
      <c r="D171" s="11">
        <v>200151766.46000001</v>
      </c>
      <c r="E171" s="11">
        <v>12251482.26</v>
      </c>
      <c r="F171" s="11">
        <v>136815771.05000001</v>
      </c>
      <c r="G171" s="11">
        <v>1.25</v>
      </c>
      <c r="H171" s="11">
        <v>63335995.409999996</v>
      </c>
      <c r="I171" s="11">
        <v>12252033.74</v>
      </c>
      <c r="J171" s="11">
        <v>136808886.80000001</v>
      </c>
      <c r="K171" s="11">
        <v>1.41</v>
      </c>
      <c r="L171" s="11">
        <v>63342879.659999996</v>
      </c>
    </row>
    <row r="172" spans="1:12" x14ac:dyDescent="0.25">
      <c r="A172" s="2" t="s">
        <v>332</v>
      </c>
      <c r="B172" s="4" t="s">
        <v>635</v>
      </c>
      <c r="C172" s="12">
        <v>180739600</v>
      </c>
      <c r="D172" s="12">
        <v>195802766.46000001</v>
      </c>
      <c r="E172" s="12">
        <v>11802412.289999999</v>
      </c>
      <c r="F172" s="12">
        <v>134996168.62</v>
      </c>
      <c r="G172" s="12">
        <v>1.23</v>
      </c>
      <c r="H172" s="12">
        <v>60806597.840000004</v>
      </c>
      <c r="I172" s="12">
        <v>11802355.460000001</v>
      </c>
      <c r="J172" s="12">
        <v>134996111.78999999</v>
      </c>
      <c r="K172" s="12">
        <v>1.39</v>
      </c>
      <c r="L172" s="12">
        <v>60806654.670000002</v>
      </c>
    </row>
    <row r="173" spans="1:12" x14ac:dyDescent="0.25">
      <c r="A173" s="2" t="s">
        <v>333</v>
      </c>
      <c r="B173" s="4" t="s">
        <v>644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  <c r="J173" s="12">
        <v>0</v>
      </c>
      <c r="K173" s="12">
        <v>0</v>
      </c>
      <c r="L173" s="12">
        <v>0</v>
      </c>
    </row>
    <row r="174" spans="1:12" x14ac:dyDescent="0.25">
      <c r="A174" s="2" t="s">
        <v>334</v>
      </c>
      <c r="B174" s="4" t="s">
        <v>645</v>
      </c>
      <c r="C174" s="12">
        <v>4238000</v>
      </c>
      <c r="D174" s="12">
        <v>4238000</v>
      </c>
      <c r="E174" s="12">
        <v>433574.6</v>
      </c>
      <c r="F174" s="12">
        <v>1749776.88</v>
      </c>
      <c r="G174" s="12">
        <v>0.02</v>
      </c>
      <c r="H174" s="12">
        <v>2488223.12</v>
      </c>
      <c r="I174" s="12">
        <v>433574.6</v>
      </c>
      <c r="J174" s="12">
        <v>1749776.88</v>
      </c>
      <c r="K174" s="12">
        <v>0.02</v>
      </c>
      <c r="L174" s="12">
        <v>2488223.12</v>
      </c>
    </row>
    <row r="175" spans="1:12" x14ac:dyDescent="0.25">
      <c r="A175" s="2" t="s">
        <v>335</v>
      </c>
      <c r="B175" s="4" t="s">
        <v>647</v>
      </c>
      <c r="C175" s="12">
        <v>0</v>
      </c>
      <c r="D175" s="12">
        <v>111000</v>
      </c>
      <c r="E175" s="12">
        <v>15495.37</v>
      </c>
      <c r="F175" s="12">
        <v>69825.55</v>
      </c>
      <c r="G175" s="12">
        <v>0</v>
      </c>
      <c r="H175" s="12">
        <v>41174.449999999997</v>
      </c>
      <c r="I175" s="12">
        <v>16103.68</v>
      </c>
      <c r="J175" s="12">
        <v>62998.13</v>
      </c>
      <c r="K175" s="12">
        <v>0</v>
      </c>
      <c r="L175" s="12">
        <v>48001.87</v>
      </c>
    </row>
    <row r="176" spans="1:12" x14ac:dyDescent="0.25">
      <c r="A176" s="3" t="s">
        <v>337</v>
      </c>
      <c r="B176" s="5" t="s">
        <v>649</v>
      </c>
      <c r="C176" s="11">
        <v>287670600</v>
      </c>
      <c r="D176" s="11">
        <v>478725510.12</v>
      </c>
      <c r="E176" s="11">
        <v>33939738.460000001</v>
      </c>
      <c r="F176" s="11">
        <v>202549957.55000001</v>
      </c>
      <c r="G176" s="11">
        <v>1.85</v>
      </c>
      <c r="H176" s="11">
        <v>276175552.56999999</v>
      </c>
      <c r="I176" s="11">
        <v>33871124.340000004</v>
      </c>
      <c r="J176" s="11">
        <v>202437341.83000001</v>
      </c>
      <c r="K176" s="11">
        <v>2.08</v>
      </c>
      <c r="L176" s="11">
        <v>276288168.29000002</v>
      </c>
    </row>
    <row r="177" spans="1:12" x14ac:dyDescent="0.25">
      <c r="A177" s="2" t="s">
        <v>339</v>
      </c>
      <c r="B177" s="4" t="s">
        <v>635</v>
      </c>
      <c r="C177" s="12">
        <v>287670600</v>
      </c>
      <c r="D177" s="12">
        <v>478725510.12</v>
      </c>
      <c r="E177" s="12">
        <v>33939738.460000001</v>
      </c>
      <c r="F177" s="12">
        <v>202549957.55000001</v>
      </c>
      <c r="G177" s="12">
        <v>1.85</v>
      </c>
      <c r="H177" s="12">
        <v>276175552.56999999</v>
      </c>
      <c r="I177" s="12">
        <v>33871124.340000004</v>
      </c>
      <c r="J177" s="12">
        <v>202437341.83000001</v>
      </c>
      <c r="K177" s="12">
        <v>2.08</v>
      </c>
      <c r="L177" s="12">
        <v>276288168.29000002</v>
      </c>
    </row>
    <row r="178" spans="1:12" x14ac:dyDescent="0.25">
      <c r="A178" s="2" t="s">
        <v>341</v>
      </c>
      <c r="B178" s="4" t="s">
        <v>650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  <c r="J178" s="12">
        <v>0</v>
      </c>
      <c r="K178" s="12">
        <v>0</v>
      </c>
      <c r="L178" s="12">
        <v>0</v>
      </c>
    </row>
    <row r="179" spans="1:12" x14ac:dyDescent="0.25">
      <c r="A179" s="3" t="s">
        <v>343</v>
      </c>
      <c r="B179" s="5" t="s">
        <v>655</v>
      </c>
      <c r="C179" s="11">
        <v>8905000</v>
      </c>
      <c r="D179" s="11">
        <v>8839500</v>
      </c>
      <c r="E179" s="11">
        <v>1266492.93</v>
      </c>
      <c r="F179" s="11">
        <v>6241154.7400000002</v>
      </c>
      <c r="G179" s="11">
        <v>0.06</v>
      </c>
      <c r="H179" s="11">
        <v>2598345.2599999998</v>
      </c>
      <c r="I179" s="11">
        <v>1148495.52</v>
      </c>
      <c r="J179" s="11">
        <v>6123157.3300000001</v>
      </c>
      <c r="K179" s="11">
        <v>0.06</v>
      </c>
      <c r="L179" s="11">
        <v>2716342.67</v>
      </c>
    </row>
    <row r="180" spans="1:12" x14ac:dyDescent="0.25">
      <c r="A180" s="2" t="s">
        <v>346</v>
      </c>
      <c r="B180" s="4" t="s">
        <v>635</v>
      </c>
      <c r="C180" s="12">
        <v>8905000</v>
      </c>
      <c r="D180" s="12">
        <v>8839500</v>
      </c>
      <c r="E180" s="12">
        <v>1266492.93</v>
      </c>
      <c r="F180" s="12">
        <v>6241154.7400000002</v>
      </c>
      <c r="G180" s="12">
        <v>0.06</v>
      </c>
      <c r="H180" s="12">
        <v>2598345.2599999998</v>
      </c>
      <c r="I180" s="12">
        <v>1148495.52</v>
      </c>
      <c r="J180" s="12">
        <v>6123157.3300000001</v>
      </c>
      <c r="K180" s="12">
        <v>0.06</v>
      </c>
      <c r="L180" s="12">
        <v>2716342.67</v>
      </c>
    </row>
    <row r="181" spans="1:12" x14ac:dyDescent="0.25">
      <c r="A181" s="2" t="s">
        <v>348</v>
      </c>
      <c r="B181" s="4" t="s">
        <v>657</v>
      </c>
      <c r="C181" s="12">
        <v>0</v>
      </c>
      <c r="D181" s="12">
        <v>0</v>
      </c>
      <c r="E181" s="12">
        <v>0</v>
      </c>
      <c r="F181" s="12">
        <v>0</v>
      </c>
      <c r="G181" s="12">
        <v>0</v>
      </c>
      <c r="H181" s="12">
        <v>0</v>
      </c>
      <c r="I181" s="12">
        <v>0</v>
      </c>
      <c r="J181" s="12">
        <v>0</v>
      </c>
      <c r="K181" s="12">
        <v>0</v>
      </c>
      <c r="L181" s="12">
        <v>0</v>
      </c>
    </row>
    <row r="182" spans="1:12" x14ac:dyDescent="0.25">
      <c r="A182" s="3" t="s">
        <v>350</v>
      </c>
      <c r="B182" s="5" t="s">
        <v>660</v>
      </c>
      <c r="C182" s="11">
        <v>0</v>
      </c>
      <c r="D182" s="11">
        <v>0</v>
      </c>
      <c r="E182" s="11">
        <v>0</v>
      </c>
      <c r="F182" s="11">
        <v>0</v>
      </c>
      <c r="G182" s="11">
        <v>0</v>
      </c>
      <c r="H182" s="11">
        <v>0</v>
      </c>
      <c r="I182" s="11">
        <v>0</v>
      </c>
      <c r="J182" s="11">
        <v>0</v>
      </c>
      <c r="K182" s="11">
        <v>0</v>
      </c>
      <c r="L182" s="11">
        <v>0</v>
      </c>
    </row>
    <row r="183" spans="1:12" x14ac:dyDescent="0.25">
      <c r="A183" s="2" t="s">
        <v>352</v>
      </c>
      <c r="B183" s="4" t="s">
        <v>647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  <c r="J183" s="12">
        <v>0</v>
      </c>
      <c r="K183" s="12">
        <v>0</v>
      </c>
      <c r="L183" s="12">
        <v>0</v>
      </c>
    </row>
    <row r="184" spans="1:12" x14ac:dyDescent="0.25">
      <c r="A184" s="3" t="s">
        <v>354</v>
      </c>
      <c r="B184" s="5" t="s">
        <v>661</v>
      </c>
      <c r="C184" s="11">
        <v>0</v>
      </c>
      <c r="D184" s="11">
        <v>54268070.719999999</v>
      </c>
      <c r="E184" s="11">
        <v>13364611.09</v>
      </c>
      <c r="F184" s="11">
        <v>53280088.549999997</v>
      </c>
      <c r="G184" s="11">
        <v>0.48</v>
      </c>
      <c r="H184" s="11">
        <v>987982.17</v>
      </c>
      <c r="I184" s="11">
        <v>13233680.84</v>
      </c>
      <c r="J184" s="11">
        <v>53149158.299999997</v>
      </c>
      <c r="K184" s="11">
        <v>0.55000000000000004</v>
      </c>
      <c r="L184" s="11">
        <v>1118912.42</v>
      </c>
    </row>
    <row r="185" spans="1:12" x14ac:dyDescent="0.25">
      <c r="A185" s="2" t="s">
        <v>356</v>
      </c>
      <c r="B185" s="4" t="s">
        <v>635</v>
      </c>
      <c r="C185" s="12">
        <v>0</v>
      </c>
      <c r="D185" s="12">
        <v>27730674.43</v>
      </c>
      <c r="E185" s="12">
        <v>6781716.7599999998</v>
      </c>
      <c r="F185" s="12">
        <v>26802291.809999999</v>
      </c>
      <c r="G185" s="12">
        <v>0.24</v>
      </c>
      <c r="H185" s="12">
        <v>928382.62</v>
      </c>
      <c r="I185" s="12">
        <v>6781716.7599999998</v>
      </c>
      <c r="J185" s="12">
        <v>26802291.809999999</v>
      </c>
      <c r="K185" s="12">
        <v>0.28000000000000003</v>
      </c>
      <c r="L185" s="12">
        <v>928382.62</v>
      </c>
    </row>
    <row r="186" spans="1:12" x14ac:dyDescent="0.25">
      <c r="A186" s="2" t="s">
        <v>358</v>
      </c>
      <c r="B186" s="4" t="s">
        <v>663</v>
      </c>
      <c r="C186" s="12">
        <v>0</v>
      </c>
      <c r="D186" s="12">
        <v>26487396.289999999</v>
      </c>
      <c r="E186" s="12">
        <v>6582894.3300000001</v>
      </c>
      <c r="F186" s="12">
        <v>26437284.739999998</v>
      </c>
      <c r="G186" s="12">
        <v>0.24</v>
      </c>
      <c r="H186" s="12">
        <v>50111.55</v>
      </c>
      <c r="I186" s="12">
        <v>6451964.0800000001</v>
      </c>
      <c r="J186" s="12">
        <v>26306354.489999998</v>
      </c>
      <c r="K186" s="12">
        <v>0.27</v>
      </c>
      <c r="L186" s="12">
        <v>181041.8</v>
      </c>
    </row>
    <row r="187" spans="1:12" x14ac:dyDescent="0.25">
      <c r="A187" s="2" t="s">
        <v>360</v>
      </c>
      <c r="B187" s="4" t="s">
        <v>666</v>
      </c>
      <c r="C187" s="12">
        <v>0</v>
      </c>
      <c r="D187" s="12">
        <v>50000</v>
      </c>
      <c r="E187" s="12">
        <v>0</v>
      </c>
      <c r="F187" s="12">
        <v>40512</v>
      </c>
      <c r="G187" s="12">
        <v>0</v>
      </c>
      <c r="H187" s="12">
        <v>9488</v>
      </c>
      <c r="I187" s="12">
        <v>0</v>
      </c>
      <c r="J187" s="12">
        <v>40512</v>
      </c>
      <c r="K187" s="12">
        <v>0</v>
      </c>
      <c r="L187" s="12">
        <v>9488</v>
      </c>
    </row>
    <row r="188" spans="1:12" x14ac:dyDescent="0.25">
      <c r="A188" s="2" t="s">
        <v>362</v>
      </c>
      <c r="B188" s="4" t="s">
        <v>642</v>
      </c>
      <c r="C188" s="12">
        <v>0</v>
      </c>
      <c r="D188" s="12">
        <v>0</v>
      </c>
      <c r="E188" s="12">
        <v>0</v>
      </c>
      <c r="F188" s="12">
        <v>0</v>
      </c>
      <c r="G188" s="12">
        <v>0</v>
      </c>
      <c r="H188" s="12">
        <v>0</v>
      </c>
      <c r="I188" s="12">
        <v>0</v>
      </c>
      <c r="J188" s="12">
        <v>0</v>
      </c>
      <c r="K188" s="12">
        <v>0</v>
      </c>
      <c r="L188" s="12">
        <v>0</v>
      </c>
    </row>
    <row r="189" spans="1:12" x14ac:dyDescent="0.25">
      <c r="A189" s="3" t="s">
        <v>364</v>
      </c>
      <c r="B189" s="5" t="s">
        <v>671</v>
      </c>
      <c r="C189" s="11">
        <v>267800</v>
      </c>
      <c r="D189" s="11">
        <v>1666750</v>
      </c>
      <c r="E189" s="11">
        <v>370733.67</v>
      </c>
      <c r="F189" s="11">
        <v>1658679.01</v>
      </c>
      <c r="G189" s="11">
        <v>0.02</v>
      </c>
      <c r="H189" s="11">
        <v>8070.99</v>
      </c>
      <c r="I189" s="11">
        <v>370733.67</v>
      </c>
      <c r="J189" s="11">
        <v>1658679.01</v>
      </c>
      <c r="K189" s="11">
        <v>0.02</v>
      </c>
      <c r="L189" s="11">
        <v>8070.99</v>
      </c>
    </row>
    <row r="190" spans="1:12" x14ac:dyDescent="0.25">
      <c r="A190" s="2" t="s">
        <v>732</v>
      </c>
      <c r="B190" s="4" t="s">
        <v>635</v>
      </c>
      <c r="C190" s="12">
        <v>267800</v>
      </c>
      <c r="D190" s="12">
        <v>1666750</v>
      </c>
      <c r="E190" s="12">
        <v>370733.67</v>
      </c>
      <c r="F190" s="12">
        <v>1658679.01</v>
      </c>
      <c r="G190" s="12">
        <v>0.02</v>
      </c>
      <c r="H190" s="12">
        <v>8070.99</v>
      </c>
      <c r="I190" s="12">
        <v>370733.67</v>
      </c>
      <c r="J190" s="12">
        <v>1658679.01</v>
      </c>
      <c r="K190" s="12">
        <v>0.02</v>
      </c>
      <c r="L190" s="12">
        <v>8070.99</v>
      </c>
    </row>
    <row r="191" spans="1:12" x14ac:dyDescent="0.25">
      <c r="A191" s="3" t="s">
        <v>733</v>
      </c>
      <c r="B191" s="5" t="s">
        <v>673</v>
      </c>
      <c r="C191" s="11">
        <v>351736900</v>
      </c>
      <c r="D191" s="11">
        <v>504464555.49000001</v>
      </c>
      <c r="E191" s="11">
        <v>115763870.43000001</v>
      </c>
      <c r="F191" s="11">
        <v>466784679.07999998</v>
      </c>
      <c r="G191" s="11">
        <v>4.26</v>
      </c>
      <c r="H191" s="11">
        <v>37679876.409999996</v>
      </c>
      <c r="I191" s="11">
        <v>115764168.66</v>
      </c>
      <c r="J191" s="11">
        <v>466778422.16000003</v>
      </c>
      <c r="K191" s="11">
        <v>4.8</v>
      </c>
      <c r="L191" s="11">
        <v>37686133.329999998</v>
      </c>
    </row>
    <row r="192" spans="1:12" x14ac:dyDescent="0.25">
      <c r="A192" s="2" t="s">
        <v>734</v>
      </c>
      <c r="B192" s="4" t="s">
        <v>635</v>
      </c>
      <c r="C192" s="12">
        <v>351736900</v>
      </c>
      <c r="D192" s="12">
        <v>504464555.49000001</v>
      </c>
      <c r="E192" s="12">
        <v>115763870.43000001</v>
      </c>
      <c r="F192" s="12">
        <v>466784679.07999998</v>
      </c>
      <c r="G192" s="12">
        <v>4.26</v>
      </c>
      <c r="H192" s="12">
        <v>37679876.409999996</v>
      </c>
      <c r="I192" s="12">
        <v>115764168.66</v>
      </c>
      <c r="J192" s="12">
        <v>466778422.16000003</v>
      </c>
      <c r="K192" s="12">
        <v>4.8</v>
      </c>
      <c r="L192" s="12">
        <v>37686133.329999998</v>
      </c>
    </row>
    <row r="193" spans="1:12" x14ac:dyDescent="0.25">
      <c r="A193" s="3" t="s">
        <v>735</v>
      </c>
      <c r="B193" s="5" t="s">
        <v>680</v>
      </c>
      <c r="C193" s="11">
        <v>3430900</v>
      </c>
      <c r="D193" s="11">
        <v>3308400</v>
      </c>
      <c r="E193" s="11">
        <v>521738.09</v>
      </c>
      <c r="F193" s="11">
        <v>2325967.5299999998</v>
      </c>
      <c r="G193" s="11">
        <v>0.02</v>
      </c>
      <c r="H193" s="11">
        <v>982432.47</v>
      </c>
      <c r="I193" s="11">
        <v>521738.09</v>
      </c>
      <c r="J193" s="11">
        <v>2323556.44</v>
      </c>
      <c r="K193" s="11">
        <v>0.02</v>
      </c>
      <c r="L193" s="11">
        <v>984843.56</v>
      </c>
    </row>
    <row r="194" spans="1:12" x14ac:dyDescent="0.25">
      <c r="A194" s="2" t="s">
        <v>736</v>
      </c>
      <c r="B194" s="4" t="s">
        <v>635</v>
      </c>
      <c r="C194" s="12">
        <v>3430900</v>
      </c>
      <c r="D194" s="12">
        <v>3308400</v>
      </c>
      <c r="E194" s="12">
        <v>521738.09</v>
      </c>
      <c r="F194" s="12">
        <v>2325967.5299999998</v>
      </c>
      <c r="G194" s="12">
        <v>0.02</v>
      </c>
      <c r="H194" s="12">
        <v>982432.47</v>
      </c>
      <c r="I194" s="12">
        <v>521738.09</v>
      </c>
      <c r="J194" s="12">
        <v>2323556.44</v>
      </c>
      <c r="K194" s="12">
        <v>0.02</v>
      </c>
      <c r="L194" s="12">
        <v>984843.56</v>
      </c>
    </row>
    <row r="195" spans="1:12" x14ac:dyDescent="0.25">
      <c r="A195" s="3" t="s">
        <v>737</v>
      </c>
      <c r="B195" s="5" t="s">
        <v>683</v>
      </c>
      <c r="C195" s="11">
        <v>27725500</v>
      </c>
      <c r="D195" s="11">
        <v>28425500</v>
      </c>
      <c r="E195" s="11">
        <v>6742850.0599999996</v>
      </c>
      <c r="F195" s="11">
        <v>27146289.390000001</v>
      </c>
      <c r="G195" s="11">
        <v>0.25</v>
      </c>
      <c r="H195" s="11">
        <v>1279210.6100000001</v>
      </c>
      <c r="I195" s="11">
        <v>6742850.0599999996</v>
      </c>
      <c r="J195" s="11">
        <v>27146289.390000001</v>
      </c>
      <c r="K195" s="11">
        <v>0.28000000000000003</v>
      </c>
      <c r="L195" s="11">
        <v>1279210.6100000001</v>
      </c>
    </row>
    <row r="196" spans="1:12" x14ac:dyDescent="0.25">
      <c r="A196" s="2" t="s">
        <v>738</v>
      </c>
      <c r="B196" s="4" t="s">
        <v>646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  <c r="L196" s="12">
        <v>0</v>
      </c>
    </row>
    <row r="197" spans="1:12" x14ac:dyDescent="0.25">
      <c r="A197" s="2" t="s">
        <v>739</v>
      </c>
      <c r="B197" s="4" t="s">
        <v>654</v>
      </c>
      <c r="C197" s="12">
        <v>27725500</v>
      </c>
      <c r="D197" s="12">
        <v>28425500</v>
      </c>
      <c r="E197" s="12">
        <v>6742850.0599999996</v>
      </c>
      <c r="F197" s="12">
        <v>27146289.390000001</v>
      </c>
      <c r="G197" s="12">
        <v>0.25</v>
      </c>
      <c r="H197" s="12">
        <v>1279210.6100000001</v>
      </c>
      <c r="I197" s="12">
        <v>6742850.0599999996</v>
      </c>
      <c r="J197" s="12">
        <v>27146289.390000001</v>
      </c>
      <c r="K197" s="12">
        <v>0.28000000000000003</v>
      </c>
      <c r="L197" s="12">
        <v>1279210.6100000001</v>
      </c>
    </row>
    <row r="198" spans="1:12" x14ac:dyDescent="0.25">
      <c r="A198" s="3" t="s">
        <v>740</v>
      </c>
      <c r="B198" s="5" t="s">
        <v>687</v>
      </c>
      <c r="C198" s="11">
        <v>1296800</v>
      </c>
      <c r="D198" s="11">
        <v>1296800</v>
      </c>
      <c r="E198" s="11">
        <v>190434.97</v>
      </c>
      <c r="F198" s="11">
        <v>825573.85</v>
      </c>
      <c r="G198" s="11">
        <v>0.01</v>
      </c>
      <c r="H198" s="11">
        <v>471226.15</v>
      </c>
      <c r="I198" s="11">
        <v>190434.97</v>
      </c>
      <c r="J198" s="11">
        <v>825573.85</v>
      </c>
      <c r="K198" s="11">
        <v>0.01</v>
      </c>
      <c r="L198" s="11">
        <v>471226.15</v>
      </c>
    </row>
    <row r="199" spans="1:12" x14ac:dyDescent="0.25">
      <c r="A199" s="2" t="s">
        <v>741</v>
      </c>
      <c r="B199" s="4" t="s">
        <v>635</v>
      </c>
      <c r="C199" s="12">
        <v>1296800</v>
      </c>
      <c r="D199" s="12">
        <v>1296800</v>
      </c>
      <c r="E199" s="12">
        <v>190434.97</v>
      </c>
      <c r="F199" s="12">
        <v>825573.85</v>
      </c>
      <c r="G199" s="12">
        <v>0.01</v>
      </c>
      <c r="H199" s="12">
        <v>471226.15</v>
      </c>
      <c r="I199" s="12">
        <v>190434.97</v>
      </c>
      <c r="J199" s="12">
        <v>825573.85</v>
      </c>
      <c r="K199" s="12">
        <v>0.01</v>
      </c>
      <c r="L199" s="12">
        <v>471226.15</v>
      </c>
    </row>
    <row r="200" spans="1:12" x14ac:dyDescent="0.25">
      <c r="A200" s="3" t="s">
        <v>742</v>
      </c>
      <c r="B200" s="5" t="s">
        <v>691</v>
      </c>
      <c r="C200" s="11">
        <v>4061000</v>
      </c>
      <c r="D200" s="11">
        <v>6082876.2000000002</v>
      </c>
      <c r="E200" s="11">
        <v>914995.95</v>
      </c>
      <c r="F200" s="11">
        <v>4098673.05</v>
      </c>
      <c r="G200" s="11">
        <v>0.04</v>
      </c>
      <c r="H200" s="11">
        <v>1984203.15</v>
      </c>
      <c r="I200" s="11">
        <v>914995.95</v>
      </c>
      <c r="J200" s="11">
        <v>4098673.05</v>
      </c>
      <c r="K200" s="11">
        <v>0.04</v>
      </c>
      <c r="L200" s="11">
        <v>1984203.15</v>
      </c>
    </row>
    <row r="201" spans="1:12" x14ac:dyDescent="0.25">
      <c r="A201" s="2" t="s">
        <v>743</v>
      </c>
      <c r="B201" s="4" t="s">
        <v>635</v>
      </c>
      <c r="C201" s="12">
        <v>4061000</v>
      </c>
      <c r="D201" s="12">
        <v>6082876.2000000002</v>
      </c>
      <c r="E201" s="12">
        <v>914995.95</v>
      </c>
      <c r="F201" s="12">
        <v>4098673.05</v>
      </c>
      <c r="G201" s="12">
        <v>0.04</v>
      </c>
      <c r="H201" s="12">
        <v>1984203.15</v>
      </c>
      <c r="I201" s="12">
        <v>914995.95</v>
      </c>
      <c r="J201" s="12">
        <v>4098673.05</v>
      </c>
      <c r="K201" s="12">
        <v>0.04</v>
      </c>
      <c r="L201" s="12">
        <v>1984203.15</v>
      </c>
    </row>
    <row r="202" spans="1:12" x14ac:dyDescent="0.25">
      <c r="A202" s="3" t="s">
        <v>744</v>
      </c>
      <c r="B202" s="5" t="s">
        <v>698</v>
      </c>
      <c r="C202" s="11">
        <v>37994900</v>
      </c>
      <c r="D202" s="11">
        <v>37944900</v>
      </c>
      <c r="E202" s="11">
        <v>5901580.0199999996</v>
      </c>
      <c r="F202" s="11">
        <v>26339673.149999999</v>
      </c>
      <c r="G202" s="11">
        <v>0.24</v>
      </c>
      <c r="H202" s="11">
        <v>11605226.85</v>
      </c>
      <c r="I202" s="11">
        <v>5901580.0199999996</v>
      </c>
      <c r="J202" s="11">
        <v>26339672.25</v>
      </c>
      <c r="K202" s="11">
        <v>0.27</v>
      </c>
      <c r="L202" s="11">
        <v>11605227.75</v>
      </c>
    </row>
    <row r="203" spans="1:12" x14ac:dyDescent="0.25">
      <c r="A203" s="2" t="s">
        <v>745</v>
      </c>
      <c r="B203" s="4" t="s">
        <v>635</v>
      </c>
      <c r="C203" s="12">
        <v>37994900</v>
      </c>
      <c r="D203" s="12">
        <v>37944900</v>
      </c>
      <c r="E203" s="12">
        <v>5901580.0199999996</v>
      </c>
      <c r="F203" s="12">
        <v>26339673.149999999</v>
      </c>
      <c r="G203" s="12">
        <v>0.24</v>
      </c>
      <c r="H203" s="12">
        <v>11605226.85</v>
      </c>
      <c r="I203" s="12">
        <v>5901580.0199999996</v>
      </c>
      <c r="J203" s="12">
        <v>26339672.25</v>
      </c>
      <c r="K203" s="12">
        <v>0.27</v>
      </c>
      <c r="L203" s="12">
        <v>11605227.75</v>
      </c>
    </row>
    <row r="204" spans="1:12" x14ac:dyDescent="0.25">
      <c r="A204" s="3" t="s">
        <v>746</v>
      </c>
      <c r="B204" s="5" t="s">
        <v>705</v>
      </c>
      <c r="C204" s="11">
        <v>0</v>
      </c>
      <c r="D204" s="11">
        <v>99413821</v>
      </c>
      <c r="E204" s="11">
        <v>45835971.789999999</v>
      </c>
      <c r="F204" s="11">
        <v>98087042.420000002</v>
      </c>
      <c r="G204" s="11">
        <v>0.9</v>
      </c>
      <c r="H204" s="11">
        <v>1326778.58</v>
      </c>
      <c r="I204" s="11">
        <v>45835971.789999999</v>
      </c>
      <c r="J204" s="11">
        <v>98087042.420000002</v>
      </c>
      <c r="K204" s="11">
        <v>1.01</v>
      </c>
      <c r="L204" s="11">
        <v>1326778.58</v>
      </c>
    </row>
    <row r="205" spans="1:12" x14ac:dyDescent="0.25">
      <c r="A205" s="2" t="s">
        <v>747</v>
      </c>
      <c r="B205" s="4" t="s">
        <v>706</v>
      </c>
      <c r="C205" s="12">
        <v>0</v>
      </c>
      <c r="D205" s="12">
        <v>99413821</v>
      </c>
      <c r="E205" s="12">
        <v>45835971.789999999</v>
      </c>
      <c r="F205" s="12">
        <v>98087042.420000002</v>
      </c>
      <c r="G205" s="12">
        <v>0.9</v>
      </c>
      <c r="H205" s="12">
        <v>1326778.58</v>
      </c>
      <c r="I205" s="12">
        <v>45835971.789999999</v>
      </c>
      <c r="J205" s="12">
        <v>98087042.420000002</v>
      </c>
      <c r="K205" s="12">
        <v>1.01</v>
      </c>
      <c r="L205" s="12">
        <v>1326778.58</v>
      </c>
    </row>
    <row r="206" spans="1:12" x14ac:dyDescent="0.25">
      <c r="A206" s="3" t="s">
        <v>748</v>
      </c>
      <c r="B206" s="5" t="s">
        <v>707</v>
      </c>
      <c r="C206" s="11">
        <v>3143200</v>
      </c>
      <c r="D206" s="11">
        <v>4268801</v>
      </c>
      <c r="E206" s="11">
        <v>519618.37</v>
      </c>
      <c r="F206" s="11">
        <v>2860476.7</v>
      </c>
      <c r="G206" s="11">
        <v>0.03</v>
      </c>
      <c r="H206" s="11">
        <v>1408324.3</v>
      </c>
      <c r="I206" s="11">
        <v>655032.37</v>
      </c>
      <c r="J206" s="11">
        <v>2589648.6800000002</v>
      </c>
      <c r="K206" s="11">
        <v>0.03</v>
      </c>
      <c r="L206" s="11">
        <v>1679152.32</v>
      </c>
    </row>
    <row r="207" spans="1:12" x14ac:dyDescent="0.25">
      <c r="A207" s="2" t="s">
        <v>749</v>
      </c>
      <c r="B207" s="4" t="s">
        <v>708</v>
      </c>
      <c r="C207" s="12">
        <v>1583200</v>
      </c>
      <c r="D207" s="12">
        <v>1582200</v>
      </c>
      <c r="E207" s="12">
        <v>229671.49</v>
      </c>
      <c r="F207" s="12">
        <v>921216.17</v>
      </c>
      <c r="G207" s="12">
        <v>0.01</v>
      </c>
      <c r="H207" s="12">
        <v>660983.82999999996</v>
      </c>
      <c r="I207" s="12">
        <v>229671.49</v>
      </c>
      <c r="J207" s="12">
        <v>921216.17</v>
      </c>
      <c r="K207" s="12">
        <v>0.01</v>
      </c>
      <c r="L207" s="12">
        <v>660983.82999999996</v>
      </c>
    </row>
    <row r="208" spans="1:12" x14ac:dyDescent="0.25">
      <c r="A208" s="2" t="s">
        <v>750</v>
      </c>
      <c r="B208" s="4" t="s">
        <v>710</v>
      </c>
      <c r="C208" s="12">
        <v>1560000</v>
      </c>
      <c r="D208" s="12">
        <v>2686601</v>
      </c>
      <c r="E208" s="12">
        <v>289946.88</v>
      </c>
      <c r="F208" s="12">
        <v>1939260.53</v>
      </c>
      <c r="G208" s="12">
        <v>0.02</v>
      </c>
      <c r="H208" s="12">
        <v>747340.47</v>
      </c>
      <c r="I208" s="12">
        <v>425360.88</v>
      </c>
      <c r="J208" s="12">
        <v>1668432.51</v>
      </c>
      <c r="K208" s="12">
        <v>0.02</v>
      </c>
      <c r="L208" s="12">
        <v>1018168.49</v>
      </c>
    </row>
    <row r="209" spans="1:12" x14ac:dyDescent="0.25">
      <c r="A209" s="3" t="s">
        <v>751</v>
      </c>
      <c r="B209" s="5" t="s">
        <v>717</v>
      </c>
      <c r="C209" s="11">
        <v>16386000</v>
      </c>
      <c r="D209" s="11">
        <v>35820889.859999999</v>
      </c>
      <c r="E209" s="11">
        <v>5602533.7300000004</v>
      </c>
      <c r="F209" s="11">
        <v>25329243.809999999</v>
      </c>
      <c r="G209" s="11">
        <v>0.23</v>
      </c>
      <c r="H209" s="11">
        <v>10491646.050000001</v>
      </c>
      <c r="I209" s="11">
        <v>5602533.7300000004</v>
      </c>
      <c r="J209" s="11">
        <v>25329243.809999999</v>
      </c>
      <c r="K209" s="11">
        <v>0.26</v>
      </c>
      <c r="L209" s="11">
        <v>10491646.050000001</v>
      </c>
    </row>
    <row r="210" spans="1:12" x14ac:dyDescent="0.25">
      <c r="A210" s="2" t="s">
        <v>752</v>
      </c>
      <c r="B210" s="4" t="s">
        <v>635</v>
      </c>
      <c r="C210" s="12">
        <v>16386000</v>
      </c>
      <c r="D210" s="12">
        <v>35820889.859999999</v>
      </c>
      <c r="E210" s="12">
        <v>5602533.7300000004</v>
      </c>
      <c r="F210" s="12">
        <v>25329243.809999999</v>
      </c>
      <c r="G210" s="12">
        <v>0.23</v>
      </c>
      <c r="H210" s="12">
        <v>10491646.050000001</v>
      </c>
      <c r="I210" s="12">
        <v>5602533.7300000004</v>
      </c>
      <c r="J210" s="12">
        <v>25329243.809999999</v>
      </c>
      <c r="K210" s="12">
        <v>0.26</v>
      </c>
      <c r="L210" s="12">
        <v>10491646.050000001</v>
      </c>
    </row>
    <row r="211" spans="1:12" x14ac:dyDescent="0.25">
      <c r="A211" s="3" t="s">
        <v>753</v>
      </c>
      <c r="B211" s="5" t="s">
        <v>722</v>
      </c>
      <c r="C211" s="11">
        <v>264000</v>
      </c>
      <c r="D211" s="11">
        <v>412151.92</v>
      </c>
      <c r="E211" s="11">
        <v>56189.36</v>
      </c>
      <c r="F211" s="11">
        <v>257348.99</v>
      </c>
      <c r="G211" s="11">
        <v>0</v>
      </c>
      <c r="H211" s="11">
        <v>154802.93</v>
      </c>
      <c r="I211" s="11">
        <v>56589.94</v>
      </c>
      <c r="J211" s="11">
        <v>256547.83</v>
      </c>
      <c r="K211" s="11">
        <v>0</v>
      </c>
      <c r="L211" s="11">
        <v>155604.09</v>
      </c>
    </row>
    <row r="212" spans="1:12" x14ac:dyDescent="0.25">
      <c r="A212" s="2" t="s">
        <v>754</v>
      </c>
      <c r="B212" s="4" t="s">
        <v>723</v>
      </c>
      <c r="C212" s="12">
        <v>0</v>
      </c>
      <c r="D212" s="12">
        <v>0</v>
      </c>
      <c r="E212" s="12">
        <v>0</v>
      </c>
      <c r="F212" s="12">
        <v>0</v>
      </c>
      <c r="G212" s="12">
        <v>0</v>
      </c>
      <c r="H212" s="12">
        <v>0</v>
      </c>
      <c r="I212" s="12">
        <v>0</v>
      </c>
      <c r="J212" s="12">
        <v>0</v>
      </c>
      <c r="K212" s="12">
        <v>0</v>
      </c>
      <c r="L212" s="12">
        <v>0</v>
      </c>
    </row>
    <row r="213" spans="1:12" x14ac:dyDescent="0.25">
      <c r="A213" s="2" t="s">
        <v>755</v>
      </c>
      <c r="B213" s="4" t="s">
        <v>724</v>
      </c>
      <c r="C213" s="12">
        <v>264000</v>
      </c>
      <c r="D213" s="12">
        <v>412151.92</v>
      </c>
      <c r="E213" s="12">
        <v>56189.36</v>
      </c>
      <c r="F213" s="12">
        <v>257348.99</v>
      </c>
      <c r="G213" s="12">
        <v>0</v>
      </c>
      <c r="H213" s="12">
        <v>154802.93</v>
      </c>
      <c r="I213" s="12">
        <v>56589.94</v>
      </c>
      <c r="J213" s="12">
        <v>256547.83</v>
      </c>
      <c r="K213" s="12">
        <v>0</v>
      </c>
      <c r="L213" s="12">
        <v>155604.09</v>
      </c>
    </row>
    <row r="214" spans="1:12" x14ac:dyDescent="0.25">
      <c r="A214" s="3" t="s">
        <v>756</v>
      </c>
      <c r="B214" s="5" t="s">
        <v>725</v>
      </c>
      <c r="C214" s="11">
        <v>5529600</v>
      </c>
      <c r="D214" s="11">
        <v>46055600</v>
      </c>
      <c r="E214" s="11">
        <v>4258832.5999999996</v>
      </c>
      <c r="F214" s="11">
        <v>24030861.010000002</v>
      </c>
      <c r="G214" s="11">
        <v>0.22</v>
      </c>
      <c r="H214" s="11">
        <v>22024738.989999998</v>
      </c>
      <c r="I214" s="11">
        <v>4258832.5999999996</v>
      </c>
      <c r="J214" s="11">
        <v>24030861.010000002</v>
      </c>
      <c r="K214" s="11">
        <v>0.25</v>
      </c>
      <c r="L214" s="11">
        <v>22024738.989999998</v>
      </c>
    </row>
    <row r="215" spans="1:12" x14ac:dyDescent="0.25">
      <c r="A215" s="2" t="s">
        <v>757</v>
      </c>
      <c r="B215" s="4" t="s">
        <v>659</v>
      </c>
      <c r="C215" s="12">
        <v>3729600</v>
      </c>
      <c r="D215" s="12">
        <v>3729600</v>
      </c>
      <c r="E215" s="12">
        <v>766888.04</v>
      </c>
      <c r="F215" s="12">
        <v>2780024.55</v>
      </c>
      <c r="G215" s="12">
        <v>0.03</v>
      </c>
      <c r="H215" s="12">
        <v>949575.45</v>
      </c>
      <c r="I215" s="12">
        <v>766888.04</v>
      </c>
      <c r="J215" s="12">
        <v>2780024.55</v>
      </c>
      <c r="K215" s="12">
        <v>0.03</v>
      </c>
      <c r="L215" s="12">
        <v>949575.45</v>
      </c>
    </row>
    <row r="216" spans="1:12" x14ac:dyDescent="0.25">
      <c r="A216" s="2" t="s">
        <v>758</v>
      </c>
      <c r="B216" s="4" t="s">
        <v>632</v>
      </c>
      <c r="C216" s="12">
        <v>1800000</v>
      </c>
      <c r="D216" s="12">
        <v>42326000</v>
      </c>
      <c r="E216" s="12">
        <v>3491944.56</v>
      </c>
      <c r="F216" s="12">
        <v>21250836.460000001</v>
      </c>
      <c r="G216" s="12">
        <v>0.19</v>
      </c>
      <c r="H216" s="12">
        <v>21075163.539999999</v>
      </c>
      <c r="I216" s="12">
        <v>3491944.56</v>
      </c>
      <c r="J216" s="12">
        <v>21250836.460000001</v>
      </c>
      <c r="K216" s="12">
        <v>0.22</v>
      </c>
      <c r="L216" s="12">
        <v>21075163.539999999</v>
      </c>
    </row>
    <row r="217" spans="1:12" x14ac:dyDescent="0.25">
      <c r="A217" s="3" t="s">
        <v>759</v>
      </c>
      <c r="B217" s="5" t="s">
        <v>760</v>
      </c>
      <c r="C217" s="11">
        <v>15800400000</v>
      </c>
      <c r="D217" s="11">
        <v>16555896007.41</v>
      </c>
      <c r="E217" s="11">
        <v>2169038339.52</v>
      </c>
      <c r="F217" s="11">
        <v>10949517495.389999</v>
      </c>
      <c r="G217" s="11">
        <v>99.98</v>
      </c>
      <c r="H217" s="11">
        <v>5606378512.0200005</v>
      </c>
      <c r="I217" s="11">
        <v>2359524978.7800002</v>
      </c>
      <c r="J217" s="11">
        <v>9717046024.7399998</v>
      </c>
      <c r="K217" s="11">
        <v>100</v>
      </c>
      <c r="L217" s="11">
        <v>6838849982.6700001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2"/>
  <sheetViews>
    <sheetView showGridLines="0" workbookViewId="0"/>
  </sheetViews>
  <sheetFormatPr defaultRowHeight="15" x14ac:dyDescent="0.25"/>
  <cols>
    <col min="2" max="2" width="106.85546875" bestFit="1" customWidth="1"/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761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762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763</v>
      </c>
      <c r="C10" s="10" t="s">
        <v>764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77</v>
      </c>
      <c r="P10" s="10" t="s">
        <v>778</v>
      </c>
    </row>
    <row r="11" spans="1:16" ht="21" x14ac:dyDescent="0.25">
      <c r="A11" s="10" t="s">
        <v>7</v>
      </c>
      <c r="B11" s="10" t="s">
        <v>7</v>
      </c>
      <c r="C11" s="1" t="s">
        <v>765</v>
      </c>
      <c r="D11" s="1" t="s">
        <v>766</v>
      </c>
      <c r="E11" s="1" t="s">
        <v>767</v>
      </c>
      <c r="F11" s="1" t="s">
        <v>768</v>
      </c>
      <c r="G11" s="1" t="s">
        <v>769</v>
      </c>
      <c r="H11" s="1" t="s">
        <v>770</v>
      </c>
      <c r="I11" s="1" t="s">
        <v>771</v>
      </c>
      <c r="J11" s="1" t="s">
        <v>772</v>
      </c>
      <c r="K11" s="1" t="s">
        <v>773</v>
      </c>
      <c r="L11" s="1" t="s">
        <v>774</v>
      </c>
      <c r="M11" s="1" t="s">
        <v>775</v>
      </c>
      <c r="N11" s="1" t="s">
        <v>776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779</v>
      </c>
      <c r="C12" s="11">
        <v>1271512416.3399999</v>
      </c>
      <c r="D12" s="11">
        <v>1882934607.0799999</v>
      </c>
      <c r="E12" s="11">
        <v>1425475174.6700001</v>
      </c>
      <c r="F12" s="11">
        <v>1846375777.3699999</v>
      </c>
      <c r="G12" s="11">
        <v>1867513461.6099999</v>
      </c>
      <c r="H12" s="11">
        <v>1453789595.9400001</v>
      </c>
      <c r="I12" s="11">
        <v>1660556593.46</v>
      </c>
      <c r="J12" s="11">
        <v>1319809685.9100001</v>
      </c>
      <c r="K12" s="11">
        <v>1229063200.73</v>
      </c>
      <c r="L12" s="11">
        <v>1567807227.04</v>
      </c>
      <c r="M12" s="11">
        <v>1762702252.78</v>
      </c>
      <c r="N12" s="11">
        <v>1705666604.9100001</v>
      </c>
      <c r="O12" s="11">
        <v>18993206597.84</v>
      </c>
      <c r="P12" s="11">
        <v>17776039882.220001</v>
      </c>
    </row>
    <row r="13" spans="1:16" x14ac:dyDescent="0.25">
      <c r="A13" s="3" t="s">
        <v>19</v>
      </c>
      <c r="B13" s="5" t="s">
        <v>780</v>
      </c>
      <c r="C13" s="11">
        <v>853843388.05999994</v>
      </c>
      <c r="D13" s="11">
        <v>856962556.46000004</v>
      </c>
      <c r="E13" s="11">
        <v>973016204.65999997</v>
      </c>
      <c r="F13" s="11">
        <v>1125053556.47</v>
      </c>
      <c r="G13" s="11">
        <v>1354654276.0899999</v>
      </c>
      <c r="H13" s="11">
        <v>938674360.50999999</v>
      </c>
      <c r="I13" s="11">
        <v>1025361324.8200001</v>
      </c>
      <c r="J13" s="11">
        <v>867698315.64999998</v>
      </c>
      <c r="K13" s="11">
        <v>785678056.15999997</v>
      </c>
      <c r="L13" s="11">
        <v>903729308.84000003</v>
      </c>
      <c r="M13" s="11">
        <v>1022305220.28</v>
      </c>
      <c r="N13" s="11">
        <v>1032677054.6799999</v>
      </c>
      <c r="O13" s="11">
        <v>11739653622.68</v>
      </c>
      <c r="P13" s="11">
        <v>11924771200</v>
      </c>
    </row>
    <row r="14" spans="1:16" x14ac:dyDescent="0.25">
      <c r="A14" s="2" t="s">
        <v>21</v>
      </c>
      <c r="B14" s="4" t="s">
        <v>781</v>
      </c>
      <c r="C14" s="12">
        <v>756156223.38</v>
      </c>
      <c r="D14" s="12">
        <v>758112891.85000002</v>
      </c>
      <c r="E14" s="12">
        <v>861271468.40999997</v>
      </c>
      <c r="F14" s="12">
        <v>918519679.75999999</v>
      </c>
      <c r="G14" s="12">
        <v>816521313.01999998</v>
      </c>
      <c r="H14" s="12">
        <v>795315645.08000004</v>
      </c>
      <c r="I14" s="12">
        <v>892537028.40999997</v>
      </c>
      <c r="J14" s="12">
        <v>762273525.63999999</v>
      </c>
      <c r="K14" s="12">
        <v>649572101.88999999</v>
      </c>
      <c r="L14" s="12">
        <v>763786667.44000006</v>
      </c>
      <c r="M14" s="12">
        <v>817232737.58000004</v>
      </c>
      <c r="N14" s="12">
        <v>851949087.67999995</v>
      </c>
      <c r="O14" s="12">
        <v>9643248370.1399994</v>
      </c>
      <c r="P14" s="12">
        <v>9799471900</v>
      </c>
    </row>
    <row r="15" spans="1:16" x14ac:dyDescent="0.25">
      <c r="A15" s="2" t="s">
        <v>23</v>
      </c>
      <c r="B15" s="4" t="s">
        <v>782</v>
      </c>
      <c r="C15" s="12">
        <v>20028880.57</v>
      </c>
      <c r="D15" s="12">
        <v>18005184</v>
      </c>
      <c r="E15" s="12">
        <v>12957410.41</v>
      </c>
      <c r="F15" s="12">
        <v>43225167.649999999</v>
      </c>
      <c r="G15" s="12">
        <v>356732129.58999997</v>
      </c>
      <c r="H15" s="12">
        <v>59581276.009999998</v>
      </c>
      <c r="I15" s="12">
        <v>53042750.530000001</v>
      </c>
      <c r="J15" s="12">
        <v>45243611.829999998</v>
      </c>
      <c r="K15" s="12">
        <v>51219614.229999997</v>
      </c>
      <c r="L15" s="12">
        <v>35280889.619999997</v>
      </c>
      <c r="M15" s="12">
        <v>34551895.049999997</v>
      </c>
      <c r="N15" s="12">
        <v>34648789.18</v>
      </c>
      <c r="O15" s="12">
        <v>764517598.66999996</v>
      </c>
      <c r="P15" s="12">
        <v>729934800</v>
      </c>
    </row>
    <row r="16" spans="1:16" x14ac:dyDescent="0.25">
      <c r="A16" s="2" t="s">
        <v>25</v>
      </c>
      <c r="B16" s="4" t="s">
        <v>783</v>
      </c>
      <c r="C16" s="12">
        <v>14121476.08</v>
      </c>
      <c r="D16" s="12">
        <v>17332954.039999999</v>
      </c>
      <c r="E16" s="12">
        <v>27484754.120000001</v>
      </c>
      <c r="F16" s="12">
        <v>18122602.640000001</v>
      </c>
      <c r="G16" s="12">
        <v>19712014.829999998</v>
      </c>
      <c r="H16" s="12">
        <v>20461929.34</v>
      </c>
      <c r="I16" s="12">
        <v>22962589.399999999</v>
      </c>
      <c r="J16" s="12">
        <v>12197148.49</v>
      </c>
      <c r="K16" s="12">
        <v>16315474.880000001</v>
      </c>
      <c r="L16" s="12">
        <v>26586348.539999999</v>
      </c>
      <c r="M16" s="12">
        <v>22673459.390000001</v>
      </c>
      <c r="N16" s="12">
        <v>20449259.420000002</v>
      </c>
      <c r="O16" s="12">
        <v>238420011.16999999</v>
      </c>
      <c r="P16" s="12">
        <v>182447900</v>
      </c>
    </row>
    <row r="17" spans="1:16" x14ac:dyDescent="0.25">
      <c r="A17" s="2" t="s">
        <v>27</v>
      </c>
      <c r="B17" s="4" t="s">
        <v>784</v>
      </c>
      <c r="C17" s="12">
        <v>41024967.670000002</v>
      </c>
      <c r="D17" s="12">
        <v>41338026.229999997</v>
      </c>
      <c r="E17" s="12">
        <v>47113706.979999997</v>
      </c>
      <c r="F17" s="12">
        <v>125958447.05</v>
      </c>
      <c r="G17" s="12">
        <v>143433405.80000001</v>
      </c>
      <c r="H17" s="12">
        <v>44138760.350000001</v>
      </c>
      <c r="I17" s="12">
        <v>37293862.130000003</v>
      </c>
      <c r="J17" s="12">
        <v>32751503.670000002</v>
      </c>
      <c r="K17" s="12">
        <v>50607006.909999996</v>
      </c>
      <c r="L17" s="12">
        <v>58612929.109999999</v>
      </c>
      <c r="M17" s="12">
        <v>123511384</v>
      </c>
      <c r="N17" s="12">
        <v>100285339.06</v>
      </c>
      <c r="O17" s="12">
        <v>846069338.96000004</v>
      </c>
      <c r="P17" s="12">
        <v>956647400</v>
      </c>
    </row>
    <row r="18" spans="1:16" x14ac:dyDescent="0.25">
      <c r="A18" s="2" t="s">
        <v>29</v>
      </c>
      <c r="B18" s="4" t="s">
        <v>785</v>
      </c>
      <c r="C18" s="12">
        <v>22511840.359999999</v>
      </c>
      <c r="D18" s="12">
        <v>22173500.34</v>
      </c>
      <c r="E18" s="12">
        <v>24188864.739999998</v>
      </c>
      <c r="F18" s="12">
        <v>19227659.370000001</v>
      </c>
      <c r="G18" s="12">
        <v>18255412.850000001</v>
      </c>
      <c r="H18" s="12">
        <v>19176749.73</v>
      </c>
      <c r="I18" s="12">
        <v>19525094.350000001</v>
      </c>
      <c r="J18" s="12">
        <v>15232526.02</v>
      </c>
      <c r="K18" s="12">
        <v>17963858.25</v>
      </c>
      <c r="L18" s="12">
        <v>19462474.129999999</v>
      </c>
      <c r="M18" s="12">
        <v>24335744.260000002</v>
      </c>
      <c r="N18" s="12">
        <v>25344579.34</v>
      </c>
      <c r="O18" s="12">
        <v>247398303.74000001</v>
      </c>
      <c r="P18" s="12">
        <v>256269200</v>
      </c>
    </row>
    <row r="19" spans="1:16" x14ac:dyDescent="0.25">
      <c r="A19" s="2" t="s">
        <v>31</v>
      </c>
      <c r="B19" s="4" t="s">
        <v>786</v>
      </c>
      <c r="C19" s="12">
        <v>47798004.799999997</v>
      </c>
      <c r="D19" s="12">
        <v>69291281.019999996</v>
      </c>
      <c r="E19" s="12">
        <v>13319877.67</v>
      </c>
      <c r="F19" s="12">
        <v>62023838.909999996</v>
      </c>
      <c r="G19" s="12">
        <v>64097205.280000001</v>
      </c>
      <c r="H19" s="12">
        <v>34504236.189999998</v>
      </c>
      <c r="I19" s="12">
        <v>46981819.75</v>
      </c>
      <c r="J19" s="12">
        <v>29648501.789999999</v>
      </c>
      <c r="K19" s="12">
        <v>37595422.07</v>
      </c>
      <c r="L19" s="12">
        <v>42913518.240000002</v>
      </c>
      <c r="M19" s="12">
        <v>64560845.049999997</v>
      </c>
      <c r="N19" s="12">
        <v>44232596.43</v>
      </c>
      <c r="O19" s="12">
        <v>556967147.20000005</v>
      </c>
      <c r="P19" s="12">
        <v>742510800</v>
      </c>
    </row>
    <row r="20" spans="1:16" x14ac:dyDescent="0.25">
      <c r="A20" s="3" t="s">
        <v>33</v>
      </c>
      <c r="B20" s="5" t="s">
        <v>787</v>
      </c>
      <c r="C20" s="11">
        <v>6753897.7400000002</v>
      </c>
      <c r="D20" s="11">
        <v>6656089.3200000003</v>
      </c>
      <c r="E20" s="11">
        <v>6038990.7400000002</v>
      </c>
      <c r="F20" s="11">
        <v>5143201.12</v>
      </c>
      <c r="G20" s="11">
        <v>9946006.1699999999</v>
      </c>
      <c r="H20" s="11">
        <v>9038036.9199999999</v>
      </c>
      <c r="I20" s="11">
        <v>5375828.5700000003</v>
      </c>
      <c r="J20" s="11">
        <v>3413423.1</v>
      </c>
      <c r="K20" s="11">
        <v>8159079.7999999998</v>
      </c>
      <c r="L20" s="11">
        <v>16044366.130000001</v>
      </c>
      <c r="M20" s="11">
        <v>121449971.8</v>
      </c>
      <c r="N20" s="11">
        <v>3257078.27</v>
      </c>
      <c r="O20" s="11">
        <v>201275969.68000001</v>
      </c>
      <c r="P20" s="11">
        <v>115921602.76000001</v>
      </c>
    </row>
    <row r="21" spans="1:16" x14ac:dyDescent="0.25">
      <c r="A21" s="2" t="s">
        <v>35</v>
      </c>
      <c r="B21" s="4" t="s">
        <v>788</v>
      </c>
      <c r="C21" s="12">
        <v>5290653.54</v>
      </c>
      <c r="D21" s="12">
        <v>5301666.41</v>
      </c>
      <c r="E21" s="12">
        <v>4420592.46</v>
      </c>
      <c r="F21" s="12">
        <v>3611518.9</v>
      </c>
      <c r="G21" s="12">
        <v>3162734.25</v>
      </c>
      <c r="H21" s="12">
        <v>2866780.93</v>
      </c>
      <c r="I21" s="12">
        <v>4042738.01</v>
      </c>
      <c r="J21" s="12">
        <v>2684484.99</v>
      </c>
      <c r="K21" s="12">
        <v>2770581.08</v>
      </c>
      <c r="L21" s="12">
        <v>2798215.88</v>
      </c>
      <c r="M21" s="12">
        <v>2963682.16</v>
      </c>
      <c r="N21" s="12">
        <v>2331968.62</v>
      </c>
      <c r="O21" s="12">
        <v>42245617.229999997</v>
      </c>
      <c r="P21" s="12">
        <v>58888302.759999998</v>
      </c>
    </row>
    <row r="22" spans="1:16" x14ac:dyDescent="0.25">
      <c r="A22" s="2" t="s">
        <v>37</v>
      </c>
      <c r="B22" s="4" t="s">
        <v>789</v>
      </c>
      <c r="C22" s="12">
        <v>1463244.2</v>
      </c>
      <c r="D22" s="12">
        <v>1354422.91</v>
      </c>
      <c r="E22" s="12">
        <v>1618398.28</v>
      </c>
      <c r="F22" s="12">
        <v>1531682.22</v>
      </c>
      <c r="G22" s="12">
        <v>6783271.9199999999</v>
      </c>
      <c r="H22" s="12">
        <v>6171255.9900000002</v>
      </c>
      <c r="I22" s="12">
        <v>1333090.56</v>
      </c>
      <c r="J22" s="12">
        <v>728938.11</v>
      </c>
      <c r="K22" s="12">
        <v>5388498.7199999997</v>
      </c>
      <c r="L22" s="12">
        <v>13246150.25</v>
      </c>
      <c r="M22" s="12">
        <v>118486289.64</v>
      </c>
      <c r="N22" s="12">
        <v>925109.65</v>
      </c>
      <c r="O22" s="12">
        <v>159030352.44999999</v>
      </c>
      <c r="P22" s="12">
        <v>57033300</v>
      </c>
    </row>
    <row r="23" spans="1:16" x14ac:dyDescent="0.25">
      <c r="A23" s="2" t="s">
        <v>39</v>
      </c>
      <c r="B23" s="4" t="s">
        <v>790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  <c r="M23" s="12">
        <v>0</v>
      </c>
      <c r="N23" s="12">
        <v>0</v>
      </c>
      <c r="O23" s="12">
        <v>0</v>
      </c>
      <c r="P23" s="12">
        <v>0</v>
      </c>
    </row>
    <row r="24" spans="1:16" x14ac:dyDescent="0.25">
      <c r="A24" s="2" t="s">
        <v>41</v>
      </c>
      <c r="B24" s="4" t="s">
        <v>791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  <c r="O24" s="12">
        <v>0</v>
      </c>
      <c r="P24" s="12">
        <v>0</v>
      </c>
    </row>
    <row r="25" spans="1:16" x14ac:dyDescent="0.25">
      <c r="A25" s="2" t="s">
        <v>43</v>
      </c>
      <c r="B25" s="4" t="s">
        <v>792</v>
      </c>
      <c r="C25" s="12">
        <v>79163412.049999997</v>
      </c>
      <c r="D25" s="12">
        <v>78197255.930000007</v>
      </c>
      <c r="E25" s="12">
        <v>75843641.769999996</v>
      </c>
      <c r="F25" s="12">
        <v>80948692.180000007</v>
      </c>
      <c r="G25" s="12">
        <v>68409522.349999994</v>
      </c>
      <c r="H25" s="12">
        <v>36984680.939999998</v>
      </c>
      <c r="I25" s="12">
        <v>87640665.319999993</v>
      </c>
      <c r="J25" s="12">
        <v>32018236.649999999</v>
      </c>
      <c r="K25" s="12">
        <v>55464771.530000001</v>
      </c>
      <c r="L25" s="12">
        <v>68310232.989999995</v>
      </c>
      <c r="M25" s="12">
        <v>106846495.2</v>
      </c>
      <c r="N25" s="12">
        <v>79182725.939999998</v>
      </c>
      <c r="O25" s="12">
        <v>849010332.85000002</v>
      </c>
      <c r="P25" s="12">
        <v>817495900</v>
      </c>
    </row>
    <row r="26" spans="1:16" x14ac:dyDescent="0.25">
      <c r="A26" s="3" t="s">
        <v>45</v>
      </c>
      <c r="B26" s="5" t="s">
        <v>793</v>
      </c>
      <c r="C26" s="11">
        <v>275075661.81</v>
      </c>
      <c r="D26" s="11">
        <v>864089973.00999999</v>
      </c>
      <c r="E26" s="11">
        <v>349999637.68000001</v>
      </c>
      <c r="F26" s="11">
        <v>566550751.71000004</v>
      </c>
      <c r="G26" s="11">
        <v>364884480.77999997</v>
      </c>
      <c r="H26" s="11">
        <v>428046306.88</v>
      </c>
      <c r="I26" s="11">
        <v>488884512.82999998</v>
      </c>
      <c r="J26" s="11">
        <v>375725746.00999999</v>
      </c>
      <c r="K26" s="11">
        <v>336909438.52999997</v>
      </c>
      <c r="L26" s="11">
        <v>529187432.69</v>
      </c>
      <c r="M26" s="11">
        <v>440870480.19</v>
      </c>
      <c r="N26" s="11">
        <v>539846027.63999999</v>
      </c>
      <c r="O26" s="11">
        <v>5560070449.7600002</v>
      </c>
      <c r="P26" s="11">
        <v>4107524425.46</v>
      </c>
    </row>
    <row r="27" spans="1:16" x14ac:dyDescent="0.25">
      <c r="A27" s="2" t="s">
        <v>47</v>
      </c>
      <c r="B27" s="4" t="s">
        <v>794</v>
      </c>
      <c r="C27" s="12">
        <v>94554248.099999994</v>
      </c>
      <c r="D27" s="12">
        <v>83446437.859999999</v>
      </c>
      <c r="E27" s="12">
        <v>116841436.13</v>
      </c>
      <c r="F27" s="12">
        <v>142353453.91</v>
      </c>
      <c r="G27" s="12">
        <v>127435983.44</v>
      </c>
      <c r="H27" s="12">
        <v>168187799.97</v>
      </c>
      <c r="I27" s="12">
        <v>82317829.670000002</v>
      </c>
      <c r="J27" s="12">
        <v>94351565.079999998</v>
      </c>
      <c r="K27" s="12">
        <v>98770979.890000001</v>
      </c>
      <c r="L27" s="12">
        <v>80014210.079999998</v>
      </c>
      <c r="M27" s="12">
        <v>82737075.430000007</v>
      </c>
      <c r="N27" s="12">
        <v>87732855.030000001</v>
      </c>
      <c r="O27" s="12">
        <v>1258743874.5899999</v>
      </c>
      <c r="P27" s="12">
        <v>1227705300</v>
      </c>
    </row>
    <row r="28" spans="1:16" x14ac:dyDescent="0.25">
      <c r="A28" s="2" t="s">
        <v>49</v>
      </c>
      <c r="B28" s="4" t="s">
        <v>795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  <c r="N28" s="12">
        <v>0</v>
      </c>
      <c r="O28" s="12">
        <v>0</v>
      </c>
      <c r="P28" s="12">
        <v>18350000</v>
      </c>
    </row>
    <row r="29" spans="1:16" x14ac:dyDescent="0.25">
      <c r="A29" s="2" t="s">
        <v>51</v>
      </c>
      <c r="B29" s="4" t="s">
        <v>796</v>
      </c>
      <c r="C29" s="12">
        <v>9706787.2300000004</v>
      </c>
      <c r="D29" s="12">
        <v>8590396.0299999993</v>
      </c>
      <c r="E29" s="12">
        <v>9021163.4900000002</v>
      </c>
      <c r="F29" s="12">
        <v>10603544.550000001</v>
      </c>
      <c r="G29" s="12">
        <v>7174777.8399999999</v>
      </c>
      <c r="H29" s="12">
        <v>7761274.5700000003</v>
      </c>
      <c r="I29" s="12">
        <v>7162527.3399999999</v>
      </c>
      <c r="J29" s="12">
        <v>6427775.8200000003</v>
      </c>
      <c r="K29" s="12">
        <v>6408896.9500000002</v>
      </c>
      <c r="L29" s="12">
        <v>5763468.2199999997</v>
      </c>
      <c r="M29" s="12">
        <v>6923531.3300000001</v>
      </c>
      <c r="N29" s="12">
        <v>8007177.5</v>
      </c>
      <c r="O29" s="12">
        <v>93551320.870000005</v>
      </c>
      <c r="P29" s="12">
        <v>106498000</v>
      </c>
    </row>
    <row r="30" spans="1:16" x14ac:dyDescent="0.25">
      <c r="A30" s="2" t="s">
        <v>53</v>
      </c>
      <c r="B30" s="4" t="s">
        <v>797</v>
      </c>
      <c r="C30" s="12">
        <v>88945899.760000005</v>
      </c>
      <c r="D30" s="12">
        <v>90606020.640000001</v>
      </c>
      <c r="E30" s="12">
        <v>87965055.489999995</v>
      </c>
      <c r="F30" s="12">
        <v>124792277.43000001</v>
      </c>
      <c r="G30" s="12">
        <v>96758894.629999995</v>
      </c>
      <c r="H30" s="12">
        <v>113401942.84</v>
      </c>
      <c r="I30" s="12">
        <v>101800503.55</v>
      </c>
      <c r="J30" s="12">
        <v>79082361.549999997</v>
      </c>
      <c r="K30" s="12">
        <v>74006882.129999995</v>
      </c>
      <c r="L30" s="12">
        <v>82267284.890000001</v>
      </c>
      <c r="M30" s="12">
        <v>82094615.069999993</v>
      </c>
      <c r="N30" s="12">
        <v>93151040.109999999</v>
      </c>
      <c r="O30" s="12">
        <v>1114872778.0899999</v>
      </c>
      <c r="P30" s="12">
        <v>1162234200</v>
      </c>
    </row>
    <row r="31" spans="1:16" x14ac:dyDescent="0.25">
      <c r="A31" s="2" t="s">
        <v>55</v>
      </c>
      <c r="B31" s="4" t="s">
        <v>798</v>
      </c>
      <c r="C31" s="12">
        <v>81868726.719999999</v>
      </c>
      <c r="D31" s="12">
        <v>681447118.48000002</v>
      </c>
      <c r="E31" s="12">
        <v>136171982.56999999</v>
      </c>
      <c r="F31" s="12">
        <v>288801475.81999999</v>
      </c>
      <c r="G31" s="12">
        <v>133514824.87</v>
      </c>
      <c r="H31" s="12">
        <v>138695289.5</v>
      </c>
      <c r="I31" s="12">
        <v>297603652.26999998</v>
      </c>
      <c r="J31" s="12">
        <v>195864043.56</v>
      </c>
      <c r="K31" s="12">
        <v>157722679.56</v>
      </c>
      <c r="L31" s="12">
        <v>361142469.5</v>
      </c>
      <c r="M31" s="12">
        <v>269115258.36000001</v>
      </c>
      <c r="N31" s="12">
        <v>350954955</v>
      </c>
      <c r="O31" s="12">
        <v>3092902476.21</v>
      </c>
      <c r="P31" s="12">
        <v>1592736925.46</v>
      </c>
    </row>
    <row r="32" spans="1:16" x14ac:dyDescent="0.25">
      <c r="A32" s="2" t="s">
        <v>57</v>
      </c>
      <c r="B32" s="4" t="s">
        <v>799</v>
      </c>
      <c r="C32" s="12">
        <v>8878051.8800000008</v>
      </c>
      <c r="D32" s="12">
        <v>7737451.3399999999</v>
      </c>
      <c r="E32" s="12">
        <v>7256822.1500000004</v>
      </c>
      <c r="F32" s="12">
        <v>6655736.9800000004</v>
      </c>
      <c r="G32" s="12">
        <v>5521970.9400000004</v>
      </c>
      <c r="H32" s="12">
        <v>6541974.5</v>
      </c>
      <c r="I32" s="12">
        <v>6312442.1699999999</v>
      </c>
      <c r="J32" s="12">
        <v>11305462.710000001</v>
      </c>
      <c r="K32" s="12">
        <v>5256432.6399999997</v>
      </c>
      <c r="L32" s="12">
        <v>7622368.1500000004</v>
      </c>
      <c r="M32" s="12">
        <v>6669240.2599999998</v>
      </c>
      <c r="N32" s="12">
        <v>6471121.9500000002</v>
      </c>
      <c r="O32" s="12">
        <v>86229075.670000002</v>
      </c>
      <c r="P32" s="12">
        <v>67815954</v>
      </c>
    </row>
    <row r="33" spans="1:16" x14ac:dyDescent="0.25">
      <c r="A33" s="3" t="s">
        <v>59</v>
      </c>
      <c r="B33" s="5" t="s">
        <v>800</v>
      </c>
      <c r="C33" s="11">
        <v>400494170.35000002</v>
      </c>
      <c r="D33" s="11">
        <v>420599418.11000001</v>
      </c>
      <c r="E33" s="11">
        <v>410588644.30000001</v>
      </c>
      <c r="F33" s="11">
        <v>489987155.74000001</v>
      </c>
      <c r="G33" s="11">
        <v>661868101.87</v>
      </c>
      <c r="H33" s="11">
        <v>441662810.06</v>
      </c>
      <c r="I33" s="11">
        <v>475061755.14999998</v>
      </c>
      <c r="J33" s="11">
        <v>399312726.70999998</v>
      </c>
      <c r="K33" s="11">
        <v>366505572.33999997</v>
      </c>
      <c r="L33" s="11">
        <v>405526770.75</v>
      </c>
      <c r="M33" s="11">
        <v>449196568.99000001</v>
      </c>
      <c r="N33" s="11">
        <v>443209571.38</v>
      </c>
      <c r="O33" s="11">
        <v>5364013265.75</v>
      </c>
      <c r="P33" s="11">
        <v>5577294600</v>
      </c>
    </row>
    <row r="34" spans="1:16" x14ac:dyDescent="0.25">
      <c r="A34" s="2" t="s">
        <v>61</v>
      </c>
      <c r="B34" s="4" t="s">
        <v>801</v>
      </c>
      <c r="C34" s="12">
        <v>213725222.28999999</v>
      </c>
      <c r="D34" s="12">
        <v>213949936.03999999</v>
      </c>
      <c r="E34" s="12">
        <v>236191327.83000001</v>
      </c>
      <c r="F34" s="12">
        <v>251762552.22</v>
      </c>
      <c r="G34" s="12">
        <v>411429135.08999997</v>
      </c>
      <c r="H34" s="12">
        <v>242621236.13</v>
      </c>
      <c r="I34" s="12">
        <v>263650597.15000001</v>
      </c>
      <c r="J34" s="12">
        <v>228154231.49000001</v>
      </c>
      <c r="K34" s="12">
        <v>202065920.86000001</v>
      </c>
      <c r="L34" s="12">
        <v>221908669.66999999</v>
      </c>
      <c r="M34" s="12">
        <v>236070674.71000001</v>
      </c>
      <c r="N34" s="12">
        <v>244524426.47999999</v>
      </c>
      <c r="O34" s="12">
        <v>2966053929.96</v>
      </c>
      <c r="P34" s="12">
        <v>2988469600</v>
      </c>
    </row>
    <row r="35" spans="1:16" x14ac:dyDescent="0.25">
      <c r="A35" s="2" t="s">
        <v>63</v>
      </c>
      <c r="B35" s="4" t="s">
        <v>802</v>
      </c>
      <c r="C35" s="12">
        <v>47552279.020000003</v>
      </c>
      <c r="D35" s="12">
        <v>69263729.189999998</v>
      </c>
      <c r="E35" s="12">
        <v>13232148.25</v>
      </c>
      <c r="F35" s="12">
        <v>61886623.810000002</v>
      </c>
      <c r="G35" s="12">
        <v>63915126.5</v>
      </c>
      <c r="H35" s="12">
        <v>34360311.399999999</v>
      </c>
      <c r="I35" s="12">
        <v>46789689.899999999</v>
      </c>
      <c r="J35" s="12">
        <v>29516658.510000002</v>
      </c>
      <c r="K35" s="12">
        <v>37442519.329999998</v>
      </c>
      <c r="L35" s="12">
        <v>42753895.07</v>
      </c>
      <c r="M35" s="12">
        <v>64487213.57</v>
      </c>
      <c r="N35" s="12">
        <v>44135004.079999998</v>
      </c>
      <c r="O35" s="12">
        <v>555335198.63</v>
      </c>
      <c r="P35" s="12">
        <v>740037300</v>
      </c>
    </row>
    <row r="36" spans="1:16" x14ac:dyDescent="0.25">
      <c r="A36" s="2" t="s">
        <v>65</v>
      </c>
      <c r="B36" s="4" t="s">
        <v>803</v>
      </c>
      <c r="C36" s="12">
        <v>245725.78</v>
      </c>
      <c r="D36" s="12">
        <v>27551.83</v>
      </c>
      <c r="E36" s="12">
        <v>87729.42</v>
      </c>
      <c r="F36" s="12">
        <v>137215.1</v>
      </c>
      <c r="G36" s="12">
        <v>182078.78</v>
      </c>
      <c r="H36" s="12">
        <v>143924.79</v>
      </c>
      <c r="I36" s="12">
        <v>192129.85</v>
      </c>
      <c r="J36" s="12">
        <v>131843.28</v>
      </c>
      <c r="K36" s="12">
        <v>152902.74</v>
      </c>
      <c r="L36" s="12">
        <v>159623.17000000001</v>
      </c>
      <c r="M36" s="12">
        <v>73631.48</v>
      </c>
      <c r="N36" s="12">
        <v>97592.35</v>
      </c>
      <c r="O36" s="12">
        <v>1631948.57</v>
      </c>
      <c r="P36" s="12">
        <v>0</v>
      </c>
    </row>
    <row r="37" spans="1:16" x14ac:dyDescent="0.25">
      <c r="A37" s="2" t="s">
        <v>67</v>
      </c>
      <c r="B37" s="4" t="s">
        <v>804</v>
      </c>
      <c r="C37" s="12">
        <v>138970943.25999999</v>
      </c>
      <c r="D37" s="12">
        <v>137358201.05000001</v>
      </c>
      <c r="E37" s="12">
        <v>161077438.80000001</v>
      </c>
      <c r="F37" s="12">
        <v>176200764.61000001</v>
      </c>
      <c r="G37" s="12">
        <v>186341761.5</v>
      </c>
      <c r="H37" s="12">
        <v>164537337.74000001</v>
      </c>
      <c r="I37" s="12">
        <v>164429338.25</v>
      </c>
      <c r="J37" s="12">
        <v>141509993.43000001</v>
      </c>
      <c r="K37" s="12">
        <v>126844229.41</v>
      </c>
      <c r="L37" s="12">
        <v>140704582.84</v>
      </c>
      <c r="M37" s="12">
        <v>148565049.22999999</v>
      </c>
      <c r="N37" s="12">
        <v>154452548.47</v>
      </c>
      <c r="O37" s="12">
        <v>1840992188.5899999</v>
      </c>
      <c r="P37" s="12">
        <v>1848787700</v>
      </c>
    </row>
    <row r="38" spans="1:16" x14ac:dyDescent="0.25">
      <c r="A38" s="3" t="s">
        <v>69</v>
      </c>
      <c r="B38" s="5" t="s">
        <v>805</v>
      </c>
      <c r="C38" s="11">
        <v>871018245.99000001</v>
      </c>
      <c r="D38" s="11">
        <v>1462335188.97</v>
      </c>
      <c r="E38" s="11">
        <v>1014886530.37</v>
      </c>
      <c r="F38" s="11">
        <v>1356388621.6300001</v>
      </c>
      <c r="G38" s="11">
        <v>1205645359.74</v>
      </c>
      <c r="H38" s="11">
        <v>1012126785.88</v>
      </c>
      <c r="I38" s="11">
        <v>1185494838.3099999</v>
      </c>
      <c r="J38" s="11">
        <v>920496959.20000005</v>
      </c>
      <c r="K38" s="11">
        <v>862557628.38999999</v>
      </c>
      <c r="L38" s="11">
        <v>1162280456.29</v>
      </c>
      <c r="M38" s="11">
        <v>1313505683.79</v>
      </c>
      <c r="N38" s="11">
        <v>1262457033.53</v>
      </c>
      <c r="O38" s="11">
        <v>13629193332.09</v>
      </c>
      <c r="P38" s="11">
        <v>12198745282.219999</v>
      </c>
    </row>
    <row r="39" spans="1:16" x14ac:dyDescent="0.25">
      <c r="A39" s="2" t="s">
        <v>71</v>
      </c>
      <c r="B39" s="4" t="s">
        <v>806</v>
      </c>
      <c r="C39" s="12">
        <v>4200000</v>
      </c>
      <c r="D39" s="12">
        <v>738457.5</v>
      </c>
      <c r="E39" s="12">
        <v>200000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1181597.1200000001</v>
      </c>
      <c r="L39" s="12">
        <v>0</v>
      </c>
      <c r="M39" s="12">
        <v>250000</v>
      </c>
      <c r="N39" s="12">
        <v>-250000</v>
      </c>
      <c r="O39" s="12">
        <v>6320054.6200000001</v>
      </c>
      <c r="P39" s="12">
        <v>0</v>
      </c>
    </row>
    <row r="40" spans="1:16" x14ac:dyDescent="0.25">
      <c r="A40" s="3" t="s">
        <v>73</v>
      </c>
      <c r="B40" s="5" t="s">
        <v>807</v>
      </c>
      <c r="C40" s="11">
        <v>866818245.99000001</v>
      </c>
      <c r="D40" s="11">
        <v>1461596731.47</v>
      </c>
      <c r="E40" s="11">
        <v>1014686530.37</v>
      </c>
      <c r="F40" s="11">
        <v>1356388621.6300001</v>
      </c>
      <c r="G40" s="11">
        <v>1205645359.74</v>
      </c>
      <c r="H40" s="11">
        <v>1012126785.88</v>
      </c>
      <c r="I40" s="11">
        <v>1185494838.3099999</v>
      </c>
      <c r="J40" s="11">
        <v>920496959.20000005</v>
      </c>
      <c r="K40" s="11">
        <v>861376031.26999998</v>
      </c>
      <c r="L40" s="11">
        <v>1162280456.29</v>
      </c>
      <c r="M40" s="11">
        <v>1313255683.79</v>
      </c>
      <c r="N40" s="11">
        <v>1262707033.53</v>
      </c>
      <c r="O40" s="11">
        <v>13622873277.469999</v>
      </c>
      <c r="P40" s="11">
        <v>12198745282.219999</v>
      </c>
    </row>
    <row r="41" spans="1:16" x14ac:dyDescent="0.25">
      <c r="A41" s="2" t="s">
        <v>75</v>
      </c>
      <c r="B41" s="4" t="s">
        <v>808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  <c r="L41" s="12">
        <v>0</v>
      </c>
      <c r="M41" s="12">
        <v>0</v>
      </c>
      <c r="N41" s="12">
        <v>0</v>
      </c>
      <c r="O41" s="12">
        <v>0</v>
      </c>
      <c r="P41" s="12">
        <v>0</v>
      </c>
    </row>
    <row r="42" spans="1:16" x14ac:dyDescent="0.25">
      <c r="A42" s="3" t="s">
        <v>77</v>
      </c>
      <c r="B42" s="5" t="s">
        <v>809</v>
      </c>
      <c r="C42" s="11">
        <v>866818245.99000001</v>
      </c>
      <c r="D42" s="11">
        <v>1461596731.47</v>
      </c>
      <c r="E42" s="11">
        <v>1014686530.37</v>
      </c>
      <c r="F42" s="11">
        <v>1356388621.6300001</v>
      </c>
      <c r="G42" s="11">
        <v>1205645359.74</v>
      </c>
      <c r="H42" s="11">
        <v>1012126785.88</v>
      </c>
      <c r="I42" s="11">
        <v>1185494838.3099999</v>
      </c>
      <c r="J42" s="11">
        <v>920496959.20000005</v>
      </c>
      <c r="K42" s="11">
        <v>861376031.26999998</v>
      </c>
      <c r="L42" s="11">
        <v>1162280456.29</v>
      </c>
      <c r="M42" s="11">
        <v>1313255683.79</v>
      </c>
      <c r="N42" s="11">
        <v>1262707033.53</v>
      </c>
      <c r="O42" s="11">
        <v>13622873277.469999</v>
      </c>
      <c r="P42" s="11">
        <v>12198745282.219999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8"/>
  <sheetViews>
    <sheetView showGridLines="0" workbookViewId="0"/>
  </sheetViews>
  <sheetFormatPr defaultRowHeight="15" x14ac:dyDescent="0.25"/>
  <cols>
    <col min="1" max="1" width="3.7109375" bestFit="1" customWidth="1"/>
    <col min="2" max="2" width="51.7109375" bestFit="1" customWidth="1"/>
    <col min="3" max="6" width="19.140625" bestFit="1" customWidth="1"/>
    <col min="7" max="8" width="19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810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811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812</v>
      </c>
      <c r="C10" s="10" t="s">
        <v>9</v>
      </c>
      <c r="D10" s="10" t="s">
        <v>813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814</v>
      </c>
      <c r="F11" s="1" t="s">
        <v>815</v>
      </c>
    </row>
    <row r="12" spans="1:8" x14ac:dyDescent="0.25">
      <c r="A12" s="3" t="s">
        <v>17</v>
      </c>
      <c r="B12" s="5" t="s">
        <v>816</v>
      </c>
      <c r="C12" s="11">
        <v>2055192400</v>
      </c>
      <c r="D12" s="11">
        <v>2205757400</v>
      </c>
      <c r="E12" s="11">
        <v>1730422735.3</v>
      </c>
      <c r="F12" s="11">
        <v>1749552759.27</v>
      </c>
    </row>
    <row r="13" spans="1:8" x14ac:dyDescent="0.25">
      <c r="A13" s="3" t="s">
        <v>19</v>
      </c>
      <c r="B13" s="5" t="s">
        <v>817</v>
      </c>
      <c r="C13" s="11">
        <v>740037300</v>
      </c>
      <c r="D13" s="11">
        <v>740037300</v>
      </c>
      <c r="E13" s="11">
        <v>363400418.36000001</v>
      </c>
      <c r="F13" s="11">
        <v>392862129</v>
      </c>
    </row>
    <row r="14" spans="1:8" x14ac:dyDescent="0.25">
      <c r="A14" s="3" t="s">
        <v>21</v>
      </c>
      <c r="B14" s="5" t="s">
        <v>818</v>
      </c>
      <c r="C14" s="11">
        <v>629983700</v>
      </c>
      <c r="D14" s="11">
        <v>629983700</v>
      </c>
      <c r="E14" s="11">
        <v>356795421.92000002</v>
      </c>
      <c r="F14" s="11">
        <v>343605823.38999999</v>
      </c>
    </row>
    <row r="15" spans="1:8" x14ac:dyDescent="0.25">
      <c r="A15" s="2" t="s">
        <v>23</v>
      </c>
      <c r="B15" s="4" t="s">
        <v>819</v>
      </c>
      <c r="C15" s="12">
        <v>479797000</v>
      </c>
      <c r="D15" s="12">
        <v>479797000</v>
      </c>
      <c r="E15" s="12">
        <v>227507132.55000001</v>
      </c>
      <c r="F15" s="12">
        <v>210009146.22</v>
      </c>
    </row>
    <row r="16" spans="1:8" x14ac:dyDescent="0.25">
      <c r="A16" s="2" t="s">
        <v>25</v>
      </c>
      <c r="B16" s="4" t="s">
        <v>820</v>
      </c>
      <c r="C16" s="12">
        <v>126665100</v>
      </c>
      <c r="D16" s="12">
        <v>126665100</v>
      </c>
      <c r="E16" s="12">
        <v>111890195.98</v>
      </c>
      <c r="F16" s="12">
        <v>116919762.18000001</v>
      </c>
    </row>
    <row r="17" spans="1:6" x14ac:dyDescent="0.25">
      <c r="A17" s="2" t="s">
        <v>27</v>
      </c>
      <c r="B17" s="4" t="s">
        <v>821</v>
      </c>
      <c r="C17" s="12">
        <v>23521600</v>
      </c>
      <c r="D17" s="12">
        <v>23521600</v>
      </c>
      <c r="E17" s="12">
        <v>17398093.390000001</v>
      </c>
      <c r="F17" s="12">
        <v>16676914.99</v>
      </c>
    </row>
    <row r="18" spans="1:6" x14ac:dyDescent="0.25">
      <c r="A18" s="3" t="s">
        <v>29</v>
      </c>
      <c r="B18" s="5" t="s">
        <v>822</v>
      </c>
      <c r="C18" s="11">
        <v>110053600</v>
      </c>
      <c r="D18" s="11">
        <v>110053600</v>
      </c>
      <c r="E18" s="11">
        <v>6604996.4400000004</v>
      </c>
      <c r="F18" s="11">
        <v>49256305.609999999</v>
      </c>
    </row>
    <row r="19" spans="1:6" x14ac:dyDescent="0.25">
      <c r="A19" s="2" t="s">
        <v>31</v>
      </c>
      <c r="B19" s="4" t="s">
        <v>819</v>
      </c>
      <c r="C19" s="12">
        <v>84585400</v>
      </c>
      <c r="D19" s="12">
        <v>84585400</v>
      </c>
      <c r="E19" s="12">
        <v>6604996.4400000004</v>
      </c>
      <c r="F19" s="12">
        <v>29360521.920000002</v>
      </c>
    </row>
    <row r="20" spans="1:6" x14ac:dyDescent="0.25">
      <c r="A20" s="2" t="s">
        <v>33</v>
      </c>
      <c r="B20" s="4" t="s">
        <v>820</v>
      </c>
      <c r="C20" s="12">
        <v>24072000</v>
      </c>
      <c r="D20" s="12">
        <v>24072000</v>
      </c>
      <c r="E20" s="12">
        <v>0</v>
      </c>
      <c r="F20" s="12">
        <v>18838721.100000001</v>
      </c>
    </row>
    <row r="21" spans="1:6" x14ac:dyDescent="0.25">
      <c r="A21" s="2" t="s">
        <v>35</v>
      </c>
      <c r="B21" s="4" t="s">
        <v>821</v>
      </c>
      <c r="C21" s="12">
        <v>1396200</v>
      </c>
      <c r="D21" s="12">
        <v>1396200</v>
      </c>
      <c r="E21" s="12">
        <v>0</v>
      </c>
      <c r="F21" s="12">
        <v>1057062.5900000001</v>
      </c>
    </row>
    <row r="22" spans="1:6" x14ac:dyDescent="0.25">
      <c r="A22" s="3" t="s">
        <v>37</v>
      </c>
      <c r="B22" s="5" t="s">
        <v>823</v>
      </c>
      <c r="C22" s="11">
        <v>877922300</v>
      </c>
      <c r="D22" s="11">
        <v>1028487300</v>
      </c>
      <c r="E22" s="11">
        <v>1365956499.1900001</v>
      </c>
      <c r="F22" s="11">
        <v>930433835.99000001</v>
      </c>
    </row>
    <row r="23" spans="1:6" x14ac:dyDescent="0.25">
      <c r="A23" s="3" t="s">
        <v>39</v>
      </c>
      <c r="B23" s="5" t="s">
        <v>818</v>
      </c>
      <c r="C23" s="11">
        <v>717755800</v>
      </c>
      <c r="D23" s="11">
        <v>868320800</v>
      </c>
      <c r="E23" s="11">
        <v>1336243093.01</v>
      </c>
      <c r="F23" s="11">
        <v>789072626.52999997</v>
      </c>
    </row>
    <row r="24" spans="1:6" x14ac:dyDescent="0.25">
      <c r="A24" s="2" t="s">
        <v>41</v>
      </c>
      <c r="B24" s="4" t="s">
        <v>819</v>
      </c>
      <c r="C24" s="12">
        <v>361681500</v>
      </c>
      <c r="D24" s="12">
        <v>504241500</v>
      </c>
      <c r="E24" s="12">
        <v>934514193.37</v>
      </c>
      <c r="F24" s="12">
        <v>434833101.35000002</v>
      </c>
    </row>
    <row r="25" spans="1:6" x14ac:dyDescent="0.25">
      <c r="A25" s="2" t="s">
        <v>43</v>
      </c>
      <c r="B25" s="4" t="s">
        <v>820</v>
      </c>
      <c r="C25" s="12">
        <v>308837100</v>
      </c>
      <c r="D25" s="12">
        <v>316842100</v>
      </c>
      <c r="E25" s="12">
        <v>346693340.12</v>
      </c>
      <c r="F25" s="12">
        <v>310599422.63</v>
      </c>
    </row>
    <row r="26" spans="1:6" x14ac:dyDescent="0.25">
      <c r="A26" s="2" t="s">
        <v>45</v>
      </c>
      <c r="B26" s="4" t="s">
        <v>821</v>
      </c>
      <c r="C26" s="12">
        <v>47237200</v>
      </c>
      <c r="D26" s="12">
        <v>47237200</v>
      </c>
      <c r="E26" s="12">
        <v>55035559.520000003</v>
      </c>
      <c r="F26" s="12">
        <v>43640102.549999997</v>
      </c>
    </row>
    <row r="27" spans="1:6" x14ac:dyDescent="0.25">
      <c r="A27" s="3" t="s">
        <v>47</v>
      </c>
      <c r="B27" s="5" t="s">
        <v>822</v>
      </c>
      <c r="C27" s="11">
        <v>160166500</v>
      </c>
      <c r="D27" s="11">
        <v>160166500</v>
      </c>
      <c r="E27" s="11">
        <v>29713406.18</v>
      </c>
      <c r="F27" s="11">
        <v>141361209.46000001</v>
      </c>
    </row>
    <row r="28" spans="1:6" x14ac:dyDescent="0.25">
      <c r="A28" s="2" t="s">
        <v>49</v>
      </c>
      <c r="B28" s="4" t="s">
        <v>819</v>
      </c>
      <c r="C28" s="12">
        <v>84960500</v>
      </c>
      <c r="D28" s="12">
        <v>84960500</v>
      </c>
      <c r="E28" s="12">
        <v>10165893.48</v>
      </c>
      <c r="F28" s="12">
        <v>68003128.950000003</v>
      </c>
    </row>
    <row r="29" spans="1:6" x14ac:dyDescent="0.25">
      <c r="A29" s="2" t="s">
        <v>51</v>
      </c>
      <c r="B29" s="4" t="s">
        <v>820</v>
      </c>
      <c r="C29" s="12">
        <v>66083900</v>
      </c>
      <c r="D29" s="12">
        <v>66083900</v>
      </c>
      <c r="E29" s="12">
        <v>17248915.93</v>
      </c>
      <c r="F29" s="12">
        <v>64758051.93</v>
      </c>
    </row>
    <row r="30" spans="1:6" x14ac:dyDescent="0.25">
      <c r="A30" s="2" t="s">
        <v>53</v>
      </c>
      <c r="B30" s="4" t="s">
        <v>821</v>
      </c>
      <c r="C30" s="12">
        <v>9122100</v>
      </c>
      <c r="D30" s="12">
        <v>9122100</v>
      </c>
      <c r="E30" s="12">
        <v>2298596.77</v>
      </c>
      <c r="F30" s="12">
        <v>8600028.5800000001</v>
      </c>
    </row>
    <row r="31" spans="1:6" x14ac:dyDescent="0.25">
      <c r="A31" s="3" t="s">
        <v>55</v>
      </c>
      <c r="B31" s="5" t="s">
        <v>824</v>
      </c>
      <c r="C31" s="11">
        <v>9396900</v>
      </c>
      <c r="D31" s="11">
        <v>9396900</v>
      </c>
      <c r="E31" s="11">
        <v>827422.36</v>
      </c>
      <c r="F31" s="11">
        <v>299676.65999999997</v>
      </c>
    </row>
    <row r="32" spans="1:6" x14ac:dyDescent="0.25">
      <c r="A32" s="2" t="s">
        <v>57</v>
      </c>
      <c r="B32" s="4" t="s">
        <v>825</v>
      </c>
      <c r="C32" s="12">
        <v>0</v>
      </c>
      <c r="D32" s="12">
        <v>0</v>
      </c>
      <c r="E32" s="12">
        <v>0</v>
      </c>
      <c r="F32" s="12">
        <v>0</v>
      </c>
    </row>
    <row r="33" spans="1:8" x14ac:dyDescent="0.25">
      <c r="A33" s="2" t="s">
        <v>59</v>
      </c>
      <c r="B33" s="4" t="s">
        <v>826</v>
      </c>
      <c r="C33" s="12">
        <v>9396900</v>
      </c>
      <c r="D33" s="12">
        <v>9396900</v>
      </c>
      <c r="E33" s="12">
        <v>827422.36</v>
      </c>
      <c r="F33" s="12">
        <v>299676.65999999997</v>
      </c>
    </row>
    <row r="34" spans="1:8" x14ac:dyDescent="0.25">
      <c r="A34" s="2" t="s">
        <v>61</v>
      </c>
      <c r="B34" s="4" t="s">
        <v>827</v>
      </c>
      <c r="C34" s="12">
        <v>0</v>
      </c>
      <c r="D34" s="12">
        <v>0</v>
      </c>
      <c r="E34" s="12">
        <v>0</v>
      </c>
      <c r="F34" s="12">
        <v>0</v>
      </c>
    </row>
    <row r="35" spans="1:8" x14ac:dyDescent="0.25">
      <c r="A35" s="2" t="s">
        <v>63</v>
      </c>
      <c r="B35" s="4" t="s">
        <v>828</v>
      </c>
      <c r="C35" s="12">
        <v>0</v>
      </c>
      <c r="D35" s="12">
        <v>0</v>
      </c>
      <c r="E35" s="12">
        <v>0</v>
      </c>
      <c r="F35" s="12">
        <v>0</v>
      </c>
    </row>
    <row r="36" spans="1:8" x14ac:dyDescent="0.25">
      <c r="A36" s="3" t="s">
        <v>65</v>
      </c>
      <c r="B36" s="5" t="s">
        <v>829</v>
      </c>
      <c r="C36" s="11">
        <v>427835900</v>
      </c>
      <c r="D36" s="11">
        <v>427835900</v>
      </c>
      <c r="E36" s="11">
        <v>238395.39</v>
      </c>
      <c r="F36" s="11">
        <v>425957117.62</v>
      </c>
    </row>
    <row r="37" spans="1:8" x14ac:dyDescent="0.25">
      <c r="A37" s="2" t="s">
        <v>67</v>
      </c>
      <c r="B37" s="4" t="s">
        <v>830</v>
      </c>
      <c r="C37" s="12">
        <v>0</v>
      </c>
      <c r="D37" s="12">
        <v>0</v>
      </c>
      <c r="E37" s="12">
        <v>0</v>
      </c>
      <c r="F37" s="12">
        <v>61436.52</v>
      </c>
    </row>
    <row r="38" spans="1:8" x14ac:dyDescent="0.25">
      <c r="A38" s="2" t="s">
        <v>69</v>
      </c>
      <c r="B38" s="4" t="s">
        <v>831</v>
      </c>
      <c r="C38" s="12">
        <v>427835900</v>
      </c>
      <c r="D38" s="12">
        <v>427835900</v>
      </c>
      <c r="E38" s="12">
        <v>0</v>
      </c>
      <c r="F38" s="12">
        <v>425641679.06</v>
      </c>
    </row>
    <row r="39" spans="1:8" x14ac:dyDescent="0.25">
      <c r="A39" s="2" t="s">
        <v>71</v>
      </c>
      <c r="B39" s="4" t="s">
        <v>832</v>
      </c>
      <c r="C39" s="12">
        <v>0</v>
      </c>
      <c r="D39" s="12">
        <v>0</v>
      </c>
      <c r="E39" s="12">
        <v>238395.39</v>
      </c>
      <c r="F39" s="12">
        <v>254002.04</v>
      </c>
    </row>
    <row r="40" spans="1:8" x14ac:dyDescent="0.25">
      <c r="A40" s="3" t="s">
        <v>73</v>
      </c>
      <c r="B40" s="5" t="s">
        <v>833</v>
      </c>
      <c r="C40" s="11">
        <v>0</v>
      </c>
      <c r="D40" s="11">
        <v>0</v>
      </c>
      <c r="E40" s="11">
        <v>0</v>
      </c>
      <c r="F40" s="11">
        <v>0</v>
      </c>
    </row>
    <row r="41" spans="1:8" x14ac:dyDescent="0.25">
      <c r="A41" s="2" t="s">
        <v>75</v>
      </c>
      <c r="B41" s="4" t="s">
        <v>834</v>
      </c>
      <c r="C41" s="12">
        <v>0</v>
      </c>
      <c r="D41" s="12">
        <v>0</v>
      </c>
      <c r="E41" s="12">
        <v>0</v>
      </c>
      <c r="F41" s="12">
        <v>0</v>
      </c>
    </row>
    <row r="42" spans="1:8" x14ac:dyDescent="0.25">
      <c r="A42" s="2" t="s">
        <v>77</v>
      </c>
      <c r="B42" s="4" t="s">
        <v>835</v>
      </c>
      <c r="C42" s="12">
        <v>0</v>
      </c>
      <c r="D42" s="12">
        <v>0</v>
      </c>
      <c r="E42" s="12">
        <v>0</v>
      </c>
      <c r="F42" s="12">
        <v>0</v>
      </c>
    </row>
    <row r="43" spans="1:8" x14ac:dyDescent="0.25">
      <c r="A43" s="2" t="s">
        <v>79</v>
      </c>
      <c r="B43" s="4" t="s">
        <v>836</v>
      </c>
      <c r="C43" s="12">
        <v>0</v>
      </c>
      <c r="D43" s="12">
        <v>0</v>
      </c>
      <c r="E43" s="12">
        <v>0</v>
      </c>
      <c r="F43" s="12">
        <v>0</v>
      </c>
    </row>
    <row r="44" spans="1:8" x14ac:dyDescent="0.25">
      <c r="A44" s="2" t="s">
        <v>81</v>
      </c>
      <c r="B44" s="4" t="s">
        <v>837</v>
      </c>
      <c r="C44" s="12">
        <v>1627356500</v>
      </c>
      <c r="D44" s="12">
        <v>1777921500</v>
      </c>
      <c r="E44" s="12">
        <v>1730422735.3</v>
      </c>
      <c r="F44" s="12">
        <v>1323911080.21</v>
      </c>
    </row>
    <row r="46" spans="1:8" x14ac:dyDescent="0.25">
      <c r="A46" s="10" t="s">
        <v>6</v>
      </c>
      <c r="B46" s="10" t="s">
        <v>838</v>
      </c>
      <c r="C46" s="10" t="s">
        <v>395</v>
      </c>
      <c r="D46" s="10" t="s">
        <v>839</v>
      </c>
      <c r="E46" s="10" t="s">
        <v>168</v>
      </c>
      <c r="F46" s="10" t="s">
        <v>7</v>
      </c>
      <c r="G46" s="10" t="s">
        <v>172</v>
      </c>
      <c r="H46" s="10" t="s">
        <v>172</v>
      </c>
    </row>
    <row r="47" spans="1:8" ht="21" x14ac:dyDescent="0.25">
      <c r="A47" s="10" t="s">
        <v>7</v>
      </c>
      <c r="B47" s="10" t="s">
        <v>7</v>
      </c>
      <c r="C47" s="10" t="s">
        <v>7</v>
      </c>
      <c r="D47" s="10" t="s">
        <v>7</v>
      </c>
      <c r="E47" s="1" t="s">
        <v>814</v>
      </c>
      <c r="F47" s="1" t="s">
        <v>815</v>
      </c>
      <c r="G47" s="1" t="s">
        <v>814</v>
      </c>
      <c r="H47" s="1" t="s">
        <v>815</v>
      </c>
    </row>
    <row r="48" spans="1:8" x14ac:dyDescent="0.25">
      <c r="A48" s="3" t="s">
        <v>83</v>
      </c>
      <c r="B48" s="5" t="s">
        <v>840</v>
      </c>
      <c r="C48" s="11">
        <v>1718721400</v>
      </c>
      <c r="D48" s="11">
        <v>2130081654</v>
      </c>
      <c r="E48" s="11">
        <v>2107680802.1400001</v>
      </c>
      <c r="F48" s="11">
        <v>1958641151.26</v>
      </c>
      <c r="G48" s="11">
        <v>2078329185.47</v>
      </c>
      <c r="H48" s="11">
        <v>1894815237.4100001</v>
      </c>
    </row>
    <row r="49" spans="1:8" x14ac:dyDescent="0.25">
      <c r="A49" s="2" t="s">
        <v>85</v>
      </c>
      <c r="B49" s="4" t="s">
        <v>841</v>
      </c>
      <c r="C49" s="12">
        <v>1500251300</v>
      </c>
      <c r="D49" s="12">
        <v>1837885458.4100001</v>
      </c>
      <c r="E49" s="12">
        <v>1832422454.0699999</v>
      </c>
      <c r="F49" s="12">
        <v>1692392325.3399999</v>
      </c>
      <c r="G49" s="12">
        <v>1806650255.4300001</v>
      </c>
      <c r="H49" s="12">
        <v>1641741849.22</v>
      </c>
    </row>
    <row r="50" spans="1:8" x14ac:dyDescent="0.25">
      <c r="A50" s="2" t="s">
        <v>87</v>
      </c>
      <c r="B50" s="4" t="s">
        <v>842</v>
      </c>
      <c r="C50" s="12">
        <v>179524400</v>
      </c>
      <c r="D50" s="12">
        <v>273774308.13999999</v>
      </c>
      <c r="E50" s="12">
        <v>269883177.97000003</v>
      </c>
      <c r="F50" s="12">
        <v>250256164.16</v>
      </c>
      <c r="G50" s="12">
        <v>266533306.84999999</v>
      </c>
      <c r="H50" s="12">
        <v>238626327.15000001</v>
      </c>
    </row>
    <row r="51" spans="1:8" x14ac:dyDescent="0.25">
      <c r="A51" s="2" t="s">
        <v>89</v>
      </c>
      <c r="B51" s="4" t="s">
        <v>843</v>
      </c>
      <c r="C51" s="12">
        <v>38945700</v>
      </c>
      <c r="D51" s="12">
        <v>18421887.449999999</v>
      </c>
      <c r="E51" s="12">
        <v>5375170.0999999996</v>
      </c>
      <c r="F51" s="12">
        <v>15992661.76</v>
      </c>
      <c r="G51" s="12">
        <v>5145623.1900000004</v>
      </c>
      <c r="H51" s="12">
        <v>14447061.039999999</v>
      </c>
    </row>
    <row r="52" spans="1:8" x14ac:dyDescent="0.25">
      <c r="A52" s="3" t="s">
        <v>91</v>
      </c>
      <c r="B52" s="5" t="s">
        <v>844</v>
      </c>
      <c r="C52" s="11">
        <v>305401400</v>
      </c>
      <c r="D52" s="11">
        <v>429399914.57999998</v>
      </c>
      <c r="E52" s="11">
        <v>422516768.44999999</v>
      </c>
      <c r="F52" s="11">
        <v>377869692.06</v>
      </c>
      <c r="G52" s="11">
        <v>415036466.94</v>
      </c>
      <c r="H52" s="11">
        <v>358346774.22000003</v>
      </c>
    </row>
    <row r="53" spans="1:8" x14ac:dyDescent="0.25">
      <c r="A53" s="2" t="s">
        <v>93</v>
      </c>
      <c r="B53" s="4" t="s">
        <v>845</v>
      </c>
      <c r="C53" s="12">
        <v>262000000</v>
      </c>
      <c r="D53" s="12">
        <v>376316351.29000002</v>
      </c>
      <c r="E53" s="12">
        <v>371408721.50999999</v>
      </c>
      <c r="F53" s="12">
        <v>332393414.55000001</v>
      </c>
      <c r="G53" s="12">
        <v>364339365.25999999</v>
      </c>
      <c r="H53" s="12">
        <v>315482543.77999997</v>
      </c>
    </row>
    <row r="54" spans="1:8" x14ac:dyDescent="0.25">
      <c r="A54" s="2" t="s">
        <v>95</v>
      </c>
      <c r="B54" s="4" t="s">
        <v>842</v>
      </c>
      <c r="C54" s="12">
        <v>40238200</v>
      </c>
      <c r="D54" s="12">
        <v>51644750.740000002</v>
      </c>
      <c r="E54" s="12">
        <v>50340374.990000002</v>
      </c>
      <c r="F54" s="12">
        <v>44602439.030000001</v>
      </c>
      <c r="G54" s="12">
        <v>50132992.759999998</v>
      </c>
      <c r="H54" s="12">
        <v>42022013.939999998</v>
      </c>
    </row>
    <row r="55" spans="1:8" x14ac:dyDescent="0.25">
      <c r="A55" s="2" t="s">
        <v>97</v>
      </c>
      <c r="B55" s="4" t="s">
        <v>843</v>
      </c>
      <c r="C55" s="12">
        <v>3163200</v>
      </c>
      <c r="D55" s="12">
        <v>1438812.55</v>
      </c>
      <c r="E55" s="12">
        <v>767671.95</v>
      </c>
      <c r="F55" s="12">
        <v>873838.48</v>
      </c>
      <c r="G55" s="12">
        <v>564108.92000000004</v>
      </c>
      <c r="H55" s="12">
        <v>842216.5</v>
      </c>
    </row>
    <row r="56" spans="1:8" x14ac:dyDescent="0.25">
      <c r="A56" s="3" t="s">
        <v>99</v>
      </c>
      <c r="B56" s="5" t="s">
        <v>846</v>
      </c>
      <c r="C56" s="11">
        <v>36000</v>
      </c>
      <c r="D56" s="11">
        <v>4036000</v>
      </c>
      <c r="E56" s="11">
        <v>657746.38</v>
      </c>
      <c r="F56" s="11">
        <v>723155.71</v>
      </c>
      <c r="G56" s="11">
        <v>657746.38</v>
      </c>
      <c r="H56" s="11">
        <v>713368.8</v>
      </c>
    </row>
    <row r="57" spans="1:8" x14ac:dyDescent="0.25">
      <c r="A57" s="2" t="s">
        <v>101</v>
      </c>
      <c r="B57" s="4" t="s">
        <v>847</v>
      </c>
      <c r="C57" s="12">
        <v>36000</v>
      </c>
      <c r="D57" s="12">
        <v>4036000</v>
      </c>
      <c r="E57" s="12">
        <v>657746.38</v>
      </c>
      <c r="F57" s="12">
        <v>632127.71</v>
      </c>
      <c r="G57" s="12">
        <v>657746.38</v>
      </c>
      <c r="H57" s="12">
        <v>632067.91</v>
      </c>
    </row>
    <row r="58" spans="1:8" x14ac:dyDescent="0.25">
      <c r="A58" s="2" t="s">
        <v>103</v>
      </c>
      <c r="B58" s="4" t="s">
        <v>848</v>
      </c>
      <c r="C58" s="12">
        <v>0</v>
      </c>
      <c r="D58" s="12">
        <v>0</v>
      </c>
      <c r="E58" s="12">
        <v>0</v>
      </c>
      <c r="F58" s="12">
        <v>91028</v>
      </c>
      <c r="G58" s="12">
        <v>0</v>
      </c>
      <c r="H58" s="12">
        <v>81300.89</v>
      </c>
    </row>
    <row r="59" spans="1:8" x14ac:dyDescent="0.25">
      <c r="A59" s="3" t="s">
        <v>105</v>
      </c>
      <c r="B59" s="5" t="s">
        <v>849</v>
      </c>
      <c r="C59" s="11">
        <v>2024158800</v>
      </c>
      <c r="D59" s="11">
        <v>2563517568.5799999</v>
      </c>
      <c r="E59" s="11">
        <v>2530855316.9699998</v>
      </c>
      <c r="F59" s="11">
        <v>2337233999.0300002</v>
      </c>
      <c r="G59" s="11">
        <v>2494023398.79</v>
      </c>
      <c r="H59" s="11">
        <v>2253875380.4299998</v>
      </c>
    </row>
    <row r="61" spans="1:8" x14ac:dyDescent="0.25">
      <c r="A61" s="10" t="s">
        <v>6</v>
      </c>
      <c r="B61" s="10" t="s">
        <v>850</v>
      </c>
      <c r="C61" s="10" t="s">
        <v>395</v>
      </c>
      <c r="D61" s="10" t="s">
        <v>839</v>
      </c>
      <c r="E61" s="10" t="s">
        <v>168</v>
      </c>
      <c r="F61" s="10" t="s">
        <v>7</v>
      </c>
      <c r="G61" s="10" t="s">
        <v>172</v>
      </c>
      <c r="H61" s="10" t="s">
        <v>172</v>
      </c>
    </row>
    <row r="62" spans="1:8" ht="21" x14ac:dyDescent="0.25">
      <c r="A62" s="10" t="s">
        <v>7</v>
      </c>
      <c r="B62" s="10" t="s">
        <v>7</v>
      </c>
      <c r="C62" s="10" t="s">
        <v>7</v>
      </c>
      <c r="D62" s="10" t="s">
        <v>7</v>
      </c>
      <c r="E62" s="1" t="s">
        <v>814</v>
      </c>
      <c r="F62" s="1" t="s">
        <v>815</v>
      </c>
      <c r="G62" s="1" t="s">
        <v>814</v>
      </c>
      <c r="H62" s="1" t="s">
        <v>815</v>
      </c>
    </row>
    <row r="63" spans="1:8" x14ac:dyDescent="0.25">
      <c r="A63" s="2" t="s">
        <v>107</v>
      </c>
      <c r="B63" s="4" t="s">
        <v>851</v>
      </c>
      <c r="C63" s="12">
        <v>-396802300</v>
      </c>
      <c r="D63" s="12">
        <v>-785596068.58000004</v>
      </c>
      <c r="E63" s="12">
        <v>-800432581.66999996</v>
      </c>
      <c r="F63" s="12">
        <v>-1013322918.8200001</v>
      </c>
      <c r="G63" s="12">
        <v>-763600663.49000001</v>
      </c>
      <c r="H63" s="12">
        <v>-929964300.22000003</v>
      </c>
    </row>
    <row r="65" spans="1:4" x14ac:dyDescent="0.25">
      <c r="A65" s="10" t="s">
        <v>6</v>
      </c>
      <c r="B65" s="10" t="s">
        <v>852</v>
      </c>
      <c r="C65" s="10" t="s">
        <v>853</v>
      </c>
    </row>
    <row r="66" spans="1:4" x14ac:dyDescent="0.25">
      <c r="A66" s="10" t="s">
        <v>7</v>
      </c>
      <c r="B66" s="10" t="s">
        <v>7</v>
      </c>
      <c r="C66" s="10" t="s">
        <v>7</v>
      </c>
    </row>
    <row r="67" spans="1:4" x14ac:dyDescent="0.25">
      <c r="A67" s="2" t="s">
        <v>109</v>
      </c>
      <c r="B67" s="4" t="s">
        <v>854</v>
      </c>
      <c r="C67" s="12">
        <v>0</v>
      </c>
    </row>
    <row r="69" spans="1:4" x14ac:dyDescent="0.25">
      <c r="A69" s="10" t="s">
        <v>6</v>
      </c>
      <c r="B69" s="10" t="s">
        <v>855</v>
      </c>
      <c r="C69" s="10" t="s">
        <v>853</v>
      </c>
    </row>
    <row r="70" spans="1:4" x14ac:dyDescent="0.25">
      <c r="A70" s="10" t="s">
        <v>7</v>
      </c>
      <c r="B70" s="10" t="s">
        <v>7</v>
      </c>
      <c r="C70" s="10" t="s">
        <v>7</v>
      </c>
    </row>
    <row r="71" spans="1:4" x14ac:dyDescent="0.25">
      <c r="A71" s="2" t="s">
        <v>111</v>
      </c>
      <c r="B71" s="4" t="s">
        <v>854</v>
      </c>
      <c r="C71" s="12">
        <v>0</v>
      </c>
    </row>
    <row r="73" spans="1:4" x14ac:dyDescent="0.25">
      <c r="A73" s="10" t="s">
        <v>6</v>
      </c>
      <c r="B73" s="10" t="s">
        <v>856</v>
      </c>
      <c r="C73" s="10" t="s">
        <v>857</v>
      </c>
    </row>
    <row r="74" spans="1:4" x14ac:dyDescent="0.25">
      <c r="A74" s="10" t="s">
        <v>7</v>
      </c>
      <c r="B74" s="10" t="s">
        <v>7</v>
      </c>
      <c r="C74" s="10" t="s">
        <v>7</v>
      </c>
    </row>
    <row r="75" spans="1:4" x14ac:dyDescent="0.25">
      <c r="A75" s="2" t="s">
        <v>113</v>
      </c>
      <c r="B75" s="4" t="s">
        <v>858</v>
      </c>
      <c r="C75" s="12">
        <v>0</v>
      </c>
    </row>
    <row r="76" spans="1:4" x14ac:dyDescent="0.25">
      <c r="A76" s="2" t="s">
        <v>115</v>
      </c>
      <c r="B76" s="4" t="s">
        <v>859</v>
      </c>
      <c r="C76" s="12">
        <v>0</v>
      </c>
    </row>
    <row r="77" spans="1:4" x14ac:dyDescent="0.25">
      <c r="A77" s="2" t="s">
        <v>117</v>
      </c>
      <c r="B77" s="4" t="s">
        <v>860</v>
      </c>
      <c r="C77" s="12">
        <v>0</v>
      </c>
    </row>
    <row r="78" spans="1:4" x14ac:dyDescent="0.25">
      <c r="A78" s="2" t="s">
        <v>119</v>
      </c>
      <c r="B78" s="4" t="s">
        <v>861</v>
      </c>
      <c r="C78" s="12">
        <v>275038850.35000002</v>
      </c>
    </row>
    <row r="80" spans="1:4" x14ac:dyDescent="0.25">
      <c r="A80" s="10" t="s">
        <v>6</v>
      </c>
      <c r="B80" s="10" t="s">
        <v>862</v>
      </c>
      <c r="C80" s="10" t="s">
        <v>863</v>
      </c>
      <c r="D80" s="10" t="s">
        <v>863</v>
      </c>
    </row>
    <row r="81" spans="1:6" x14ac:dyDescent="0.25">
      <c r="A81" s="10" t="s">
        <v>7</v>
      </c>
      <c r="B81" s="10" t="s">
        <v>7</v>
      </c>
      <c r="C81" s="1" t="s">
        <v>864</v>
      </c>
      <c r="D81" s="1" t="s">
        <v>865</v>
      </c>
    </row>
    <row r="82" spans="1:6" x14ac:dyDescent="0.25">
      <c r="A82" s="2" t="s">
        <v>120</v>
      </c>
      <c r="B82" s="4" t="s">
        <v>866</v>
      </c>
      <c r="C82" s="12">
        <v>87590569.209999993</v>
      </c>
      <c r="D82" s="12">
        <v>6672.17</v>
      </c>
    </row>
    <row r="83" spans="1:6" x14ac:dyDescent="0.25">
      <c r="A83" s="2" t="s">
        <v>121</v>
      </c>
      <c r="B83" s="4" t="s">
        <v>867</v>
      </c>
      <c r="C83" s="12">
        <v>82662353.349999994</v>
      </c>
      <c r="D83" s="12">
        <v>85688256.840000004</v>
      </c>
    </row>
    <row r="84" spans="1:6" x14ac:dyDescent="0.25">
      <c r="A84" s="2" t="s">
        <v>122</v>
      </c>
      <c r="B84" s="4" t="s">
        <v>868</v>
      </c>
      <c r="C84" s="12">
        <v>0</v>
      </c>
      <c r="D84" s="12">
        <v>0</v>
      </c>
    </row>
    <row r="86" spans="1:6" x14ac:dyDescent="0.25">
      <c r="A86" s="10" t="s">
        <v>6</v>
      </c>
      <c r="B86" s="10" t="s">
        <v>812</v>
      </c>
      <c r="C86" s="10" t="s">
        <v>9</v>
      </c>
      <c r="D86" s="10" t="s">
        <v>813</v>
      </c>
      <c r="E86" s="10" t="s">
        <v>11</v>
      </c>
      <c r="F86" s="10" t="s">
        <v>11</v>
      </c>
    </row>
    <row r="87" spans="1:6" ht="21" x14ac:dyDescent="0.25">
      <c r="A87" s="10" t="s">
        <v>7</v>
      </c>
      <c r="B87" s="10" t="s">
        <v>7</v>
      </c>
      <c r="C87" s="10" t="s">
        <v>7</v>
      </c>
      <c r="D87" s="10" t="s">
        <v>7</v>
      </c>
      <c r="E87" s="1" t="s">
        <v>814</v>
      </c>
      <c r="F87" s="1" t="s">
        <v>815</v>
      </c>
    </row>
    <row r="88" spans="1:6" x14ac:dyDescent="0.25">
      <c r="A88" s="3" t="s">
        <v>123</v>
      </c>
      <c r="B88" s="5" t="s">
        <v>869</v>
      </c>
      <c r="C88" s="11">
        <v>0</v>
      </c>
      <c r="D88" s="11">
        <v>0</v>
      </c>
      <c r="E88" s="11">
        <v>0</v>
      </c>
      <c r="F88" s="11">
        <v>0</v>
      </c>
    </row>
    <row r="89" spans="1:6" x14ac:dyDescent="0.25">
      <c r="A89" s="3" t="s">
        <v>124</v>
      </c>
      <c r="B89" s="5" t="s">
        <v>870</v>
      </c>
      <c r="C89" s="11">
        <v>0</v>
      </c>
      <c r="D89" s="11">
        <v>0</v>
      </c>
      <c r="E89" s="11">
        <v>0</v>
      </c>
      <c r="F89" s="11">
        <v>0</v>
      </c>
    </row>
    <row r="90" spans="1:6" x14ac:dyDescent="0.25">
      <c r="A90" s="3" t="s">
        <v>125</v>
      </c>
      <c r="B90" s="5" t="s">
        <v>871</v>
      </c>
      <c r="C90" s="11">
        <v>0</v>
      </c>
      <c r="D90" s="11">
        <v>0</v>
      </c>
      <c r="E90" s="11">
        <v>0</v>
      </c>
      <c r="F90" s="11">
        <v>0</v>
      </c>
    </row>
    <row r="91" spans="1:6" x14ac:dyDescent="0.25">
      <c r="A91" s="2" t="s">
        <v>126</v>
      </c>
      <c r="B91" s="4" t="s">
        <v>872</v>
      </c>
      <c r="C91" s="12">
        <v>0</v>
      </c>
      <c r="D91" s="12">
        <v>0</v>
      </c>
      <c r="E91" s="12">
        <v>0</v>
      </c>
      <c r="F91" s="12">
        <v>0</v>
      </c>
    </row>
    <row r="92" spans="1:6" x14ac:dyDescent="0.25">
      <c r="A92" s="2" t="s">
        <v>127</v>
      </c>
      <c r="B92" s="4" t="s">
        <v>873</v>
      </c>
      <c r="C92" s="12">
        <v>0</v>
      </c>
      <c r="D92" s="12">
        <v>0</v>
      </c>
      <c r="E92" s="12">
        <v>0</v>
      </c>
      <c r="F92" s="12">
        <v>0</v>
      </c>
    </row>
    <row r="93" spans="1:6" x14ac:dyDescent="0.25">
      <c r="A93" s="2" t="s">
        <v>129</v>
      </c>
      <c r="B93" s="4" t="s">
        <v>874</v>
      </c>
      <c r="C93" s="12">
        <v>0</v>
      </c>
      <c r="D93" s="12">
        <v>0</v>
      </c>
      <c r="E93" s="12">
        <v>0</v>
      </c>
      <c r="F93" s="12">
        <v>0</v>
      </c>
    </row>
    <row r="94" spans="1:6" x14ac:dyDescent="0.25">
      <c r="A94" s="3" t="s">
        <v>131</v>
      </c>
      <c r="B94" s="5" t="s">
        <v>875</v>
      </c>
      <c r="C94" s="11">
        <v>0</v>
      </c>
      <c r="D94" s="11">
        <v>0</v>
      </c>
      <c r="E94" s="11">
        <v>0</v>
      </c>
      <c r="F94" s="11">
        <v>0</v>
      </c>
    </row>
    <row r="95" spans="1:6" x14ac:dyDescent="0.25">
      <c r="A95" s="2" t="s">
        <v>133</v>
      </c>
      <c r="B95" s="4" t="s">
        <v>872</v>
      </c>
      <c r="C95" s="12">
        <v>0</v>
      </c>
      <c r="D95" s="12">
        <v>0</v>
      </c>
      <c r="E95" s="12">
        <v>0</v>
      </c>
      <c r="F95" s="12">
        <v>0</v>
      </c>
    </row>
    <row r="96" spans="1:6" x14ac:dyDescent="0.25">
      <c r="A96" s="2" t="s">
        <v>135</v>
      </c>
      <c r="B96" s="4" t="s">
        <v>873</v>
      </c>
      <c r="C96" s="12">
        <v>0</v>
      </c>
      <c r="D96" s="12">
        <v>0</v>
      </c>
      <c r="E96" s="12">
        <v>0</v>
      </c>
      <c r="F96" s="12">
        <v>0</v>
      </c>
    </row>
    <row r="97" spans="1:6" x14ac:dyDescent="0.25">
      <c r="A97" s="2" t="s">
        <v>137</v>
      </c>
      <c r="B97" s="4" t="s">
        <v>874</v>
      </c>
      <c r="C97" s="12">
        <v>0</v>
      </c>
      <c r="D97" s="12">
        <v>0</v>
      </c>
      <c r="E97" s="12">
        <v>0</v>
      </c>
      <c r="F97" s="12">
        <v>0</v>
      </c>
    </row>
    <row r="98" spans="1:6" x14ac:dyDescent="0.25">
      <c r="A98" s="3" t="s">
        <v>139</v>
      </c>
      <c r="B98" s="5" t="s">
        <v>876</v>
      </c>
      <c r="C98" s="11">
        <v>0</v>
      </c>
      <c r="D98" s="11">
        <v>0</v>
      </c>
      <c r="E98" s="11">
        <v>0</v>
      </c>
      <c r="F98" s="11">
        <v>0</v>
      </c>
    </row>
    <row r="99" spans="1:6" x14ac:dyDescent="0.25">
      <c r="A99" s="3" t="s">
        <v>141</v>
      </c>
      <c r="B99" s="5" t="s">
        <v>871</v>
      </c>
      <c r="C99" s="11">
        <v>0</v>
      </c>
      <c r="D99" s="11">
        <v>0</v>
      </c>
      <c r="E99" s="11">
        <v>0</v>
      </c>
      <c r="F99" s="11">
        <v>0</v>
      </c>
    </row>
    <row r="100" spans="1:6" x14ac:dyDescent="0.25">
      <c r="A100" s="2" t="s">
        <v>143</v>
      </c>
      <c r="B100" s="4" t="s">
        <v>872</v>
      </c>
      <c r="C100" s="12">
        <v>0</v>
      </c>
      <c r="D100" s="12">
        <v>0</v>
      </c>
      <c r="E100" s="12">
        <v>0</v>
      </c>
      <c r="F100" s="12">
        <v>0</v>
      </c>
    </row>
    <row r="101" spans="1:6" x14ac:dyDescent="0.25">
      <c r="A101" s="2" t="s">
        <v>145</v>
      </c>
      <c r="B101" s="4" t="s">
        <v>873</v>
      </c>
      <c r="C101" s="12">
        <v>0</v>
      </c>
      <c r="D101" s="12">
        <v>0</v>
      </c>
      <c r="E101" s="12">
        <v>0</v>
      </c>
      <c r="F101" s="12">
        <v>0</v>
      </c>
    </row>
    <row r="102" spans="1:6" x14ac:dyDescent="0.25">
      <c r="A102" s="2" t="s">
        <v>147</v>
      </c>
      <c r="B102" s="4" t="s">
        <v>874</v>
      </c>
      <c r="C102" s="12">
        <v>0</v>
      </c>
      <c r="D102" s="12">
        <v>0</v>
      </c>
      <c r="E102" s="12">
        <v>0</v>
      </c>
      <c r="F102" s="12">
        <v>0</v>
      </c>
    </row>
    <row r="103" spans="1:6" x14ac:dyDescent="0.25">
      <c r="A103" s="3" t="s">
        <v>149</v>
      </c>
      <c r="B103" s="5" t="s">
        <v>875</v>
      </c>
      <c r="C103" s="11">
        <v>0</v>
      </c>
      <c r="D103" s="11">
        <v>0</v>
      </c>
      <c r="E103" s="11">
        <v>0</v>
      </c>
      <c r="F103" s="11">
        <v>0</v>
      </c>
    </row>
    <row r="104" spans="1:6" x14ac:dyDescent="0.25">
      <c r="A104" s="2" t="s">
        <v>151</v>
      </c>
      <c r="B104" s="4" t="s">
        <v>872</v>
      </c>
      <c r="C104" s="12">
        <v>0</v>
      </c>
      <c r="D104" s="12">
        <v>0</v>
      </c>
      <c r="E104" s="12">
        <v>0</v>
      </c>
      <c r="F104" s="12">
        <v>0</v>
      </c>
    </row>
    <row r="105" spans="1:6" x14ac:dyDescent="0.25">
      <c r="A105" s="2" t="s">
        <v>152</v>
      </c>
      <c r="B105" s="4" t="s">
        <v>873</v>
      </c>
      <c r="C105" s="12">
        <v>0</v>
      </c>
      <c r="D105" s="12">
        <v>0</v>
      </c>
      <c r="E105" s="12">
        <v>0</v>
      </c>
      <c r="F105" s="12">
        <v>0</v>
      </c>
    </row>
    <row r="106" spans="1:6" x14ac:dyDescent="0.25">
      <c r="A106" s="2" t="s">
        <v>153</v>
      </c>
      <c r="B106" s="4" t="s">
        <v>874</v>
      </c>
      <c r="C106" s="12">
        <v>0</v>
      </c>
      <c r="D106" s="12">
        <v>0</v>
      </c>
      <c r="E106" s="12">
        <v>0</v>
      </c>
      <c r="F106" s="12">
        <v>0</v>
      </c>
    </row>
    <row r="107" spans="1:6" x14ac:dyDescent="0.25">
      <c r="A107" s="3" t="s">
        <v>155</v>
      </c>
      <c r="B107" s="5" t="s">
        <v>877</v>
      </c>
      <c r="C107" s="11">
        <v>0</v>
      </c>
      <c r="D107" s="11">
        <v>0</v>
      </c>
      <c r="E107" s="11">
        <v>0</v>
      </c>
      <c r="F107" s="11">
        <v>0</v>
      </c>
    </row>
    <row r="108" spans="1:6" x14ac:dyDescent="0.25">
      <c r="A108" s="2" t="s">
        <v>157</v>
      </c>
      <c r="B108" s="4" t="s">
        <v>878</v>
      </c>
      <c r="C108" s="12">
        <v>0</v>
      </c>
      <c r="D108" s="12">
        <v>0</v>
      </c>
      <c r="E108" s="12">
        <v>0</v>
      </c>
      <c r="F108" s="12">
        <v>0</v>
      </c>
    </row>
    <row r="109" spans="1:6" x14ac:dyDescent="0.25">
      <c r="A109" s="2" t="s">
        <v>159</v>
      </c>
      <c r="B109" s="4" t="s">
        <v>879</v>
      </c>
      <c r="C109" s="12">
        <v>0</v>
      </c>
      <c r="D109" s="12">
        <v>0</v>
      </c>
      <c r="E109" s="12">
        <v>0</v>
      </c>
      <c r="F109" s="12">
        <v>0</v>
      </c>
    </row>
    <row r="110" spans="1:6" x14ac:dyDescent="0.25">
      <c r="A110" s="2" t="s">
        <v>161</v>
      </c>
      <c r="B110" s="4" t="s">
        <v>880</v>
      </c>
      <c r="C110" s="12">
        <v>0</v>
      </c>
      <c r="D110" s="12">
        <v>0</v>
      </c>
      <c r="E110" s="12">
        <v>0</v>
      </c>
      <c r="F110" s="12">
        <v>0</v>
      </c>
    </row>
    <row r="111" spans="1:6" x14ac:dyDescent="0.25">
      <c r="A111" s="2" t="s">
        <v>163</v>
      </c>
      <c r="B111" s="4" t="s">
        <v>881</v>
      </c>
      <c r="C111" s="12">
        <v>0</v>
      </c>
      <c r="D111" s="12">
        <v>0</v>
      </c>
      <c r="E111" s="12">
        <v>0</v>
      </c>
      <c r="F111" s="12">
        <v>0</v>
      </c>
    </row>
    <row r="112" spans="1:6" x14ac:dyDescent="0.25">
      <c r="A112" s="3" t="s">
        <v>176</v>
      </c>
      <c r="B112" s="5" t="s">
        <v>882</v>
      </c>
      <c r="C112" s="11">
        <v>0</v>
      </c>
      <c r="D112" s="11">
        <v>0</v>
      </c>
      <c r="E112" s="11">
        <v>0</v>
      </c>
      <c r="F112" s="11">
        <v>0</v>
      </c>
    </row>
    <row r="113" spans="1:8" x14ac:dyDescent="0.25">
      <c r="A113" s="2" t="s">
        <v>178</v>
      </c>
      <c r="B113" s="4" t="s">
        <v>883</v>
      </c>
      <c r="C113" s="12">
        <v>0</v>
      </c>
      <c r="D113" s="12">
        <v>0</v>
      </c>
      <c r="E113" s="12">
        <v>0</v>
      </c>
      <c r="F113" s="12">
        <v>0</v>
      </c>
    </row>
    <row r="114" spans="1:8" x14ac:dyDescent="0.25">
      <c r="A114" s="2" t="s">
        <v>180</v>
      </c>
      <c r="B114" s="4" t="s">
        <v>306</v>
      </c>
      <c r="C114" s="12">
        <v>0</v>
      </c>
      <c r="D114" s="12">
        <v>0</v>
      </c>
      <c r="E114" s="12">
        <v>0</v>
      </c>
      <c r="F114" s="12">
        <v>0</v>
      </c>
    </row>
    <row r="115" spans="1:8" x14ac:dyDescent="0.25">
      <c r="A115" s="3" t="s">
        <v>182</v>
      </c>
      <c r="B115" s="5" t="s">
        <v>884</v>
      </c>
      <c r="C115" s="11">
        <v>0</v>
      </c>
      <c r="D115" s="11">
        <v>0</v>
      </c>
      <c r="E115" s="11">
        <v>0</v>
      </c>
      <c r="F115" s="11">
        <v>0</v>
      </c>
    </row>
    <row r="116" spans="1:8" x14ac:dyDescent="0.25">
      <c r="A116" s="2" t="s">
        <v>184</v>
      </c>
      <c r="B116" s="4" t="s">
        <v>885</v>
      </c>
      <c r="C116" s="12">
        <v>0</v>
      </c>
      <c r="D116" s="12">
        <v>0</v>
      </c>
      <c r="E116" s="12">
        <v>0</v>
      </c>
      <c r="F116" s="12">
        <v>0</v>
      </c>
    </row>
    <row r="117" spans="1:8" x14ac:dyDescent="0.25">
      <c r="A117" s="2" t="s">
        <v>186</v>
      </c>
      <c r="B117" s="4" t="s">
        <v>886</v>
      </c>
      <c r="C117" s="12">
        <v>0</v>
      </c>
      <c r="D117" s="12">
        <v>0</v>
      </c>
      <c r="E117" s="12">
        <v>0</v>
      </c>
      <c r="F117" s="12">
        <v>0</v>
      </c>
    </row>
    <row r="118" spans="1:8" x14ac:dyDescent="0.25">
      <c r="A118" s="2" t="s">
        <v>188</v>
      </c>
      <c r="B118" s="4" t="s">
        <v>887</v>
      </c>
      <c r="C118" s="12">
        <v>0</v>
      </c>
      <c r="D118" s="12">
        <v>0</v>
      </c>
      <c r="E118" s="12">
        <v>0</v>
      </c>
      <c r="F118" s="12">
        <v>0</v>
      </c>
    </row>
    <row r="119" spans="1:8" x14ac:dyDescent="0.25">
      <c r="A119" s="3" t="s">
        <v>190</v>
      </c>
      <c r="B119" s="5" t="s">
        <v>888</v>
      </c>
      <c r="C119" s="11">
        <v>0</v>
      </c>
      <c r="D119" s="11">
        <v>0</v>
      </c>
      <c r="E119" s="11">
        <v>0</v>
      </c>
      <c r="F119" s="11">
        <v>0</v>
      </c>
    </row>
    <row r="121" spans="1:8" x14ac:dyDescent="0.25">
      <c r="A121" s="10" t="s">
        <v>6</v>
      </c>
      <c r="B121" s="10" t="s">
        <v>838</v>
      </c>
      <c r="C121" s="10" t="s">
        <v>395</v>
      </c>
      <c r="D121" s="10" t="s">
        <v>839</v>
      </c>
      <c r="E121" s="10" t="s">
        <v>168</v>
      </c>
      <c r="F121" s="10" t="s">
        <v>7</v>
      </c>
      <c r="G121" s="10" t="s">
        <v>172</v>
      </c>
      <c r="H121" s="10" t="s">
        <v>172</v>
      </c>
    </row>
    <row r="122" spans="1:8" ht="21" x14ac:dyDescent="0.25">
      <c r="A122" s="10" t="s">
        <v>7</v>
      </c>
      <c r="B122" s="10" t="s">
        <v>7</v>
      </c>
      <c r="C122" s="10" t="s">
        <v>7</v>
      </c>
      <c r="D122" s="10" t="s">
        <v>7</v>
      </c>
      <c r="E122" s="1" t="s">
        <v>814</v>
      </c>
      <c r="F122" s="1" t="s">
        <v>815</v>
      </c>
      <c r="G122" s="1" t="s">
        <v>814</v>
      </c>
      <c r="H122" s="1" t="s">
        <v>815</v>
      </c>
    </row>
    <row r="123" spans="1:8" x14ac:dyDescent="0.25">
      <c r="A123" s="3" t="s">
        <v>192</v>
      </c>
      <c r="B123" s="5" t="s">
        <v>840</v>
      </c>
      <c r="C123" s="11">
        <v>0</v>
      </c>
      <c r="D123" s="11">
        <v>0</v>
      </c>
      <c r="E123" s="11">
        <v>0</v>
      </c>
      <c r="F123" s="11">
        <v>0</v>
      </c>
      <c r="G123" s="11">
        <v>0</v>
      </c>
      <c r="H123" s="11">
        <v>0</v>
      </c>
    </row>
    <row r="124" spans="1:8" x14ac:dyDescent="0.25">
      <c r="A124" s="2" t="s">
        <v>194</v>
      </c>
      <c r="B124" s="4" t="s">
        <v>889</v>
      </c>
      <c r="C124" s="12">
        <v>0</v>
      </c>
      <c r="D124" s="12">
        <v>0</v>
      </c>
      <c r="E124" s="12">
        <v>0</v>
      </c>
      <c r="F124" s="12">
        <v>0</v>
      </c>
      <c r="G124" s="12">
        <v>0</v>
      </c>
      <c r="H124" s="12">
        <v>0</v>
      </c>
    </row>
    <row r="125" spans="1:8" x14ac:dyDescent="0.25">
      <c r="A125" s="2" t="s">
        <v>196</v>
      </c>
      <c r="B125" s="4" t="s">
        <v>842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</row>
    <row r="126" spans="1:8" x14ac:dyDescent="0.25">
      <c r="A126" s="2" t="s">
        <v>198</v>
      </c>
      <c r="B126" s="4" t="s">
        <v>843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</row>
    <row r="127" spans="1:8" x14ac:dyDescent="0.25">
      <c r="A127" s="3" t="s">
        <v>200</v>
      </c>
      <c r="B127" s="5" t="s">
        <v>844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</row>
    <row r="128" spans="1:8" x14ac:dyDescent="0.25">
      <c r="A128" s="2" t="s">
        <v>202</v>
      </c>
      <c r="B128" s="4" t="s">
        <v>845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</row>
    <row r="129" spans="1:8" x14ac:dyDescent="0.25">
      <c r="A129" s="2" t="s">
        <v>204</v>
      </c>
      <c r="B129" s="4" t="s">
        <v>842</v>
      </c>
      <c r="C129" s="12">
        <v>0</v>
      </c>
      <c r="D129" s="12">
        <v>0</v>
      </c>
      <c r="E129" s="12">
        <v>0</v>
      </c>
      <c r="F129" s="12">
        <v>0</v>
      </c>
      <c r="G129" s="12">
        <v>0</v>
      </c>
      <c r="H129" s="12">
        <v>0</v>
      </c>
    </row>
    <row r="130" spans="1:8" x14ac:dyDescent="0.25">
      <c r="A130" s="2" t="s">
        <v>206</v>
      </c>
      <c r="B130" s="4" t="s">
        <v>843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</row>
    <row r="131" spans="1:8" x14ac:dyDescent="0.25">
      <c r="A131" s="3" t="s">
        <v>208</v>
      </c>
      <c r="B131" s="5" t="s">
        <v>846</v>
      </c>
      <c r="C131" s="11">
        <v>0</v>
      </c>
      <c r="D131" s="11">
        <v>0</v>
      </c>
      <c r="E131" s="11">
        <v>0</v>
      </c>
      <c r="F131" s="11">
        <v>0</v>
      </c>
      <c r="G131" s="11">
        <v>0</v>
      </c>
      <c r="H131" s="11">
        <v>0</v>
      </c>
    </row>
    <row r="132" spans="1:8" x14ac:dyDescent="0.25">
      <c r="A132" s="2" t="s">
        <v>210</v>
      </c>
      <c r="B132" s="4" t="s">
        <v>847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</row>
    <row r="133" spans="1:8" x14ac:dyDescent="0.25">
      <c r="A133" s="2" t="s">
        <v>212</v>
      </c>
      <c r="B133" s="4" t="s">
        <v>848</v>
      </c>
      <c r="C133" s="12">
        <v>0</v>
      </c>
      <c r="D133" s="12">
        <v>0</v>
      </c>
      <c r="E133" s="12">
        <v>0</v>
      </c>
      <c r="F133" s="12">
        <v>0</v>
      </c>
      <c r="G133" s="12">
        <v>0</v>
      </c>
      <c r="H133" s="12">
        <v>0</v>
      </c>
    </row>
    <row r="134" spans="1:8" x14ac:dyDescent="0.25">
      <c r="A134" s="3" t="s">
        <v>214</v>
      </c>
      <c r="B134" s="5" t="s">
        <v>890</v>
      </c>
      <c r="C134" s="11">
        <v>0</v>
      </c>
      <c r="D134" s="11">
        <v>0</v>
      </c>
      <c r="E134" s="11">
        <v>0</v>
      </c>
      <c r="F134" s="11">
        <v>0</v>
      </c>
      <c r="G134" s="11">
        <v>0</v>
      </c>
      <c r="H134" s="11">
        <v>0</v>
      </c>
    </row>
    <row r="136" spans="1:8" x14ac:dyDescent="0.25">
      <c r="A136" s="10" t="s">
        <v>6</v>
      </c>
      <c r="B136" s="10" t="s">
        <v>891</v>
      </c>
      <c r="C136" s="10" t="s">
        <v>395</v>
      </c>
      <c r="D136" s="10" t="s">
        <v>839</v>
      </c>
      <c r="E136" s="10" t="s">
        <v>168</v>
      </c>
      <c r="F136" s="10" t="s">
        <v>7</v>
      </c>
      <c r="G136" s="10" t="s">
        <v>172</v>
      </c>
      <c r="H136" s="10" t="s">
        <v>172</v>
      </c>
    </row>
    <row r="137" spans="1:8" ht="21" x14ac:dyDescent="0.25">
      <c r="A137" s="10" t="s">
        <v>7</v>
      </c>
      <c r="B137" s="10" t="s">
        <v>7</v>
      </c>
      <c r="C137" s="10" t="s">
        <v>7</v>
      </c>
      <c r="D137" s="10" t="s">
        <v>7</v>
      </c>
      <c r="E137" s="1" t="s">
        <v>814</v>
      </c>
      <c r="F137" s="1" t="s">
        <v>815</v>
      </c>
      <c r="G137" s="1" t="s">
        <v>814</v>
      </c>
      <c r="H137" s="1" t="s">
        <v>815</v>
      </c>
    </row>
    <row r="138" spans="1:8" x14ac:dyDescent="0.25">
      <c r="A138" s="2" t="s">
        <v>215</v>
      </c>
      <c r="B138" s="4" t="s">
        <v>892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</row>
    <row r="140" spans="1:8" x14ac:dyDescent="0.25">
      <c r="A140" s="10" t="s">
        <v>6</v>
      </c>
      <c r="B140" s="10" t="s">
        <v>893</v>
      </c>
      <c r="C140" s="10" t="s">
        <v>857</v>
      </c>
    </row>
    <row r="141" spans="1:8" x14ac:dyDescent="0.25">
      <c r="A141" s="10" t="s">
        <v>7</v>
      </c>
      <c r="B141" s="10" t="s">
        <v>7</v>
      </c>
      <c r="C141" s="10" t="s">
        <v>7</v>
      </c>
    </row>
    <row r="142" spans="1:8" x14ac:dyDescent="0.25">
      <c r="A142" s="2" t="s">
        <v>216</v>
      </c>
      <c r="B142" s="4" t="s">
        <v>894</v>
      </c>
      <c r="C142" s="12">
        <v>0</v>
      </c>
    </row>
    <row r="143" spans="1:8" x14ac:dyDescent="0.25">
      <c r="A143" s="2" t="s">
        <v>218</v>
      </c>
      <c r="B143" s="4" t="s">
        <v>895</v>
      </c>
      <c r="C143" s="12">
        <v>0</v>
      </c>
    </row>
    <row r="145" spans="1:8" x14ac:dyDescent="0.25">
      <c r="A145" s="10" t="s">
        <v>6</v>
      </c>
      <c r="B145" s="10" t="s">
        <v>896</v>
      </c>
      <c r="C145" s="10" t="s">
        <v>9</v>
      </c>
      <c r="D145" s="10" t="s">
        <v>813</v>
      </c>
      <c r="E145" s="10" t="s">
        <v>11</v>
      </c>
      <c r="F145" s="10" t="s">
        <v>11</v>
      </c>
    </row>
    <row r="146" spans="1:8" ht="21" x14ac:dyDescent="0.25">
      <c r="A146" s="10" t="s">
        <v>7</v>
      </c>
      <c r="B146" s="10" t="s">
        <v>7</v>
      </c>
      <c r="C146" s="10" t="s">
        <v>7</v>
      </c>
      <c r="D146" s="10" t="s">
        <v>7</v>
      </c>
      <c r="E146" s="1" t="s">
        <v>814</v>
      </c>
      <c r="F146" s="1" t="s">
        <v>815</v>
      </c>
    </row>
    <row r="147" spans="1:8" x14ac:dyDescent="0.25">
      <c r="A147" s="2" t="s">
        <v>220</v>
      </c>
      <c r="B147" s="4" t="s">
        <v>228</v>
      </c>
      <c r="C147" s="12">
        <v>0</v>
      </c>
      <c r="D147" s="12">
        <v>0</v>
      </c>
      <c r="E147" s="12">
        <v>0</v>
      </c>
      <c r="F147" s="12">
        <v>0</v>
      </c>
    </row>
    <row r="148" spans="1:8" x14ac:dyDescent="0.25">
      <c r="A148" s="2" t="s">
        <v>222</v>
      </c>
      <c r="B148" s="4" t="s">
        <v>897</v>
      </c>
      <c r="C148" s="12">
        <v>0</v>
      </c>
      <c r="D148" s="12">
        <v>0</v>
      </c>
      <c r="E148" s="12">
        <v>0</v>
      </c>
      <c r="F148" s="12">
        <v>0</v>
      </c>
    </row>
    <row r="150" spans="1:8" x14ac:dyDescent="0.25">
      <c r="A150" s="10" t="s">
        <v>6</v>
      </c>
      <c r="B150" s="10" t="s">
        <v>898</v>
      </c>
      <c r="C150" s="10" t="s">
        <v>395</v>
      </c>
      <c r="D150" s="10" t="s">
        <v>839</v>
      </c>
      <c r="E150" s="10" t="s">
        <v>168</v>
      </c>
      <c r="F150" s="10" t="s">
        <v>7</v>
      </c>
      <c r="G150" s="10" t="s">
        <v>172</v>
      </c>
      <c r="H150" s="10" t="s">
        <v>172</v>
      </c>
    </row>
    <row r="151" spans="1:8" ht="21" x14ac:dyDescent="0.25">
      <c r="A151" s="10" t="s">
        <v>7</v>
      </c>
      <c r="B151" s="10" t="s">
        <v>7</v>
      </c>
      <c r="C151" s="10" t="s">
        <v>7</v>
      </c>
      <c r="D151" s="10" t="s">
        <v>7</v>
      </c>
      <c r="E151" s="1" t="s">
        <v>814</v>
      </c>
      <c r="F151" s="1" t="s">
        <v>815</v>
      </c>
      <c r="G151" s="1" t="s">
        <v>814</v>
      </c>
      <c r="H151" s="1" t="s">
        <v>815</v>
      </c>
    </row>
    <row r="152" spans="1:8" x14ac:dyDescent="0.25">
      <c r="A152" s="2" t="s">
        <v>225</v>
      </c>
      <c r="B152" s="4" t="s">
        <v>899</v>
      </c>
      <c r="C152" s="12">
        <v>28493600</v>
      </c>
      <c r="D152" s="12">
        <v>28593943.16</v>
      </c>
      <c r="E152" s="12">
        <v>6490889.5</v>
      </c>
      <c r="F152" s="12">
        <v>4272126.58</v>
      </c>
      <c r="G152" s="12">
        <v>5163494.3600000003</v>
      </c>
      <c r="H152" s="12">
        <v>4129805.3</v>
      </c>
    </row>
    <row r="153" spans="1:8" x14ac:dyDescent="0.25">
      <c r="A153" s="2" t="s">
        <v>227</v>
      </c>
      <c r="B153" s="4" t="s">
        <v>900</v>
      </c>
      <c r="C153" s="12">
        <v>2540000</v>
      </c>
      <c r="D153" s="12">
        <v>2548000</v>
      </c>
      <c r="E153" s="12">
        <v>0</v>
      </c>
      <c r="F153" s="12">
        <v>0</v>
      </c>
      <c r="G153" s="12">
        <v>0</v>
      </c>
      <c r="H153" s="12">
        <v>0</v>
      </c>
    </row>
    <row r="154" spans="1:8" x14ac:dyDescent="0.25">
      <c r="A154" s="3" t="s">
        <v>229</v>
      </c>
      <c r="B154" s="5" t="s">
        <v>901</v>
      </c>
      <c r="C154" s="11">
        <v>31033600</v>
      </c>
      <c r="D154" s="11">
        <v>31141943.16</v>
      </c>
      <c r="E154" s="11">
        <v>6490889.5</v>
      </c>
      <c r="F154" s="11">
        <v>4272126.58</v>
      </c>
      <c r="G154" s="11">
        <v>5163494.3600000003</v>
      </c>
      <c r="H154" s="11">
        <v>4129805.3</v>
      </c>
    </row>
    <row r="156" spans="1:8" x14ac:dyDescent="0.25">
      <c r="A156" s="10" t="s">
        <v>6</v>
      </c>
      <c r="B156" s="10" t="s">
        <v>902</v>
      </c>
      <c r="C156" s="10" t="s">
        <v>395</v>
      </c>
      <c r="D156" s="10" t="s">
        <v>839</v>
      </c>
      <c r="E156" s="10" t="s">
        <v>168</v>
      </c>
      <c r="F156" s="10" t="s">
        <v>7</v>
      </c>
      <c r="G156" s="10" t="s">
        <v>172</v>
      </c>
      <c r="H156" s="10" t="s">
        <v>172</v>
      </c>
    </row>
    <row r="157" spans="1:8" ht="21" x14ac:dyDescent="0.25">
      <c r="A157" s="10" t="s">
        <v>7</v>
      </c>
      <c r="B157" s="10" t="s">
        <v>7</v>
      </c>
      <c r="C157" s="10" t="s">
        <v>7</v>
      </c>
      <c r="D157" s="10" t="s">
        <v>7</v>
      </c>
      <c r="E157" s="1" t="s">
        <v>814</v>
      </c>
      <c r="F157" s="1" t="s">
        <v>815</v>
      </c>
      <c r="G157" s="1" t="s">
        <v>814</v>
      </c>
      <c r="H157" s="1" t="s">
        <v>815</v>
      </c>
    </row>
    <row r="158" spans="1:8" x14ac:dyDescent="0.25">
      <c r="A158" s="2" t="s">
        <v>231</v>
      </c>
      <c r="B158" s="4" t="s">
        <v>903</v>
      </c>
      <c r="C158" s="12">
        <v>-31033600</v>
      </c>
      <c r="D158" s="12">
        <v>-31141943.16</v>
      </c>
      <c r="E158" s="12">
        <v>-6490889.5</v>
      </c>
      <c r="F158" s="12">
        <v>-4272126.58</v>
      </c>
      <c r="G158" s="12">
        <v>-5163494.3600000003</v>
      </c>
      <c r="H158" s="12">
        <v>-4129805.3</v>
      </c>
    </row>
  </sheetData>
  <mergeCells count="72">
    <mergeCell ref="G150:H150"/>
    <mergeCell ref="A156:A157"/>
    <mergeCell ref="B156:B157"/>
    <mergeCell ref="C156:C157"/>
    <mergeCell ref="D156:D157"/>
    <mergeCell ref="E156:F156"/>
    <mergeCell ref="G156:H156"/>
    <mergeCell ref="D145:D146"/>
    <mergeCell ref="E145:F145"/>
    <mergeCell ref="A150:A151"/>
    <mergeCell ref="B150:B151"/>
    <mergeCell ref="C150:C151"/>
    <mergeCell ref="D150:D151"/>
    <mergeCell ref="E150:F150"/>
    <mergeCell ref="A140:A141"/>
    <mergeCell ref="B140:B141"/>
    <mergeCell ref="C140:C141"/>
    <mergeCell ref="A145:A146"/>
    <mergeCell ref="B145:B146"/>
    <mergeCell ref="C145:C146"/>
    <mergeCell ref="G121:H121"/>
    <mergeCell ref="A136:A137"/>
    <mergeCell ref="B136:B137"/>
    <mergeCell ref="C136:C137"/>
    <mergeCell ref="D136:D137"/>
    <mergeCell ref="E136:F136"/>
    <mergeCell ref="G136:H136"/>
    <mergeCell ref="A121:A122"/>
    <mergeCell ref="B121:B122"/>
    <mergeCell ref="C121:C122"/>
    <mergeCell ref="D121:D122"/>
    <mergeCell ref="E121:F121"/>
    <mergeCell ref="A86:A87"/>
    <mergeCell ref="B86:B87"/>
    <mergeCell ref="C86:C87"/>
    <mergeCell ref="D86:D87"/>
    <mergeCell ref="E86:F86"/>
    <mergeCell ref="A73:A74"/>
    <mergeCell ref="B73:B74"/>
    <mergeCell ref="C73:C74"/>
    <mergeCell ref="A80:A81"/>
    <mergeCell ref="B80:B81"/>
    <mergeCell ref="C80:D80"/>
    <mergeCell ref="A65:A66"/>
    <mergeCell ref="B65:B66"/>
    <mergeCell ref="C65:C66"/>
    <mergeCell ref="A69:A70"/>
    <mergeCell ref="B69:B70"/>
    <mergeCell ref="C69:C70"/>
    <mergeCell ref="G46:H46"/>
    <mergeCell ref="A61:A62"/>
    <mergeCell ref="B61:B62"/>
    <mergeCell ref="C61:C62"/>
    <mergeCell ref="D61:D62"/>
    <mergeCell ref="E61:F61"/>
    <mergeCell ref="G61:H61"/>
    <mergeCell ref="A46:A47"/>
    <mergeCell ref="B46:B47"/>
    <mergeCell ref="C46:C47"/>
    <mergeCell ref="D46:D47"/>
    <mergeCell ref="E46:F46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6"/>
  <sheetViews>
    <sheetView showGridLines="0" workbookViewId="0"/>
  </sheetViews>
  <sheetFormatPr defaultRowHeight="15" x14ac:dyDescent="0.25"/>
  <cols>
    <col min="1" max="1" width="2.7109375" bestFit="1" customWidth="1"/>
    <col min="2" max="2" width="85" bestFit="1" customWidth="1"/>
    <col min="3" max="3" width="20.28515625" bestFit="1" customWidth="1"/>
    <col min="4" max="4" width="19.140625" bestFit="1" customWidth="1"/>
    <col min="5" max="6" width="19" bestFit="1" customWidth="1"/>
    <col min="7" max="7" width="29.85546875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904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905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906</v>
      </c>
      <c r="C10" s="10" t="s">
        <v>813</v>
      </c>
      <c r="D10" s="1" t="s">
        <v>814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907</v>
      </c>
    </row>
    <row r="12" spans="1:9" x14ac:dyDescent="0.25">
      <c r="A12" s="3" t="s">
        <v>17</v>
      </c>
      <c r="B12" s="5" t="s">
        <v>816</v>
      </c>
      <c r="C12" s="11">
        <v>13106782582.219999</v>
      </c>
      <c r="D12" s="11">
        <v>9415098889.9300003</v>
      </c>
    </row>
    <row r="13" spans="1:9" x14ac:dyDescent="0.25">
      <c r="A13" s="3" t="s">
        <v>19</v>
      </c>
      <c r="B13" s="5" t="s">
        <v>908</v>
      </c>
      <c r="C13" s="11">
        <v>7547324200</v>
      </c>
      <c r="D13" s="11">
        <v>4968853696.5200005</v>
      </c>
    </row>
    <row r="14" spans="1:9" x14ac:dyDescent="0.25">
      <c r="A14" s="2" t="s">
        <v>21</v>
      </c>
      <c r="B14" s="4" t="s">
        <v>909</v>
      </c>
      <c r="C14" s="12">
        <v>5896475400</v>
      </c>
      <c r="D14" s="12">
        <v>3821716105.3200002</v>
      </c>
    </row>
    <row r="15" spans="1:9" x14ac:dyDescent="0.25">
      <c r="A15" s="2" t="s">
        <v>23</v>
      </c>
      <c r="B15" s="4" t="s">
        <v>910</v>
      </c>
      <c r="C15" s="12">
        <v>291973900</v>
      </c>
      <c r="D15" s="12">
        <v>268120381.87</v>
      </c>
    </row>
    <row r="16" spans="1:9" x14ac:dyDescent="0.25">
      <c r="A16" s="2" t="s">
        <v>25</v>
      </c>
      <c r="B16" s="4" t="s">
        <v>911</v>
      </c>
      <c r="C16" s="12">
        <v>145958300</v>
      </c>
      <c r="D16" s="12">
        <v>129086579.37</v>
      </c>
    </row>
    <row r="17" spans="1:4" x14ac:dyDescent="0.25">
      <c r="A17" s="2" t="s">
        <v>27</v>
      </c>
      <c r="B17" s="4" t="s">
        <v>912</v>
      </c>
      <c r="C17" s="12">
        <v>956647400</v>
      </c>
      <c r="D17" s="12">
        <v>590634191.02999997</v>
      </c>
    </row>
    <row r="18" spans="1:4" x14ac:dyDescent="0.25">
      <c r="A18" s="2" t="s">
        <v>29</v>
      </c>
      <c r="B18" s="4" t="s">
        <v>913</v>
      </c>
      <c r="C18" s="12">
        <v>256269200</v>
      </c>
      <c r="D18" s="12">
        <v>159296438.93000001</v>
      </c>
    </row>
    <row r="19" spans="1:4" x14ac:dyDescent="0.25">
      <c r="A19" s="2" t="s">
        <v>31</v>
      </c>
      <c r="B19" s="4" t="s">
        <v>914</v>
      </c>
      <c r="C19" s="12">
        <v>742510800</v>
      </c>
      <c r="D19" s="12">
        <v>364534144.80000001</v>
      </c>
    </row>
    <row r="20" spans="1:4" x14ac:dyDescent="0.25">
      <c r="A20" s="3" t="s">
        <v>33</v>
      </c>
      <c r="B20" s="5" t="s">
        <v>824</v>
      </c>
      <c r="C20" s="11">
        <v>115921602.76000001</v>
      </c>
      <c r="D20" s="11">
        <v>176683790.75999999</v>
      </c>
    </row>
    <row r="21" spans="1:4" x14ac:dyDescent="0.25">
      <c r="A21" s="2" t="s">
        <v>35</v>
      </c>
      <c r="B21" s="4" t="s">
        <v>915</v>
      </c>
      <c r="C21" s="12">
        <v>58888302.759999998</v>
      </c>
      <c r="D21" s="12">
        <v>23621185.920000002</v>
      </c>
    </row>
    <row r="22" spans="1:4" x14ac:dyDescent="0.25">
      <c r="A22" s="2" t="s">
        <v>37</v>
      </c>
      <c r="B22" s="4" t="s">
        <v>827</v>
      </c>
      <c r="C22" s="12">
        <v>57033300</v>
      </c>
      <c r="D22" s="12">
        <v>153062604.84</v>
      </c>
    </row>
    <row r="23" spans="1:4" x14ac:dyDescent="0.25">
      <c r="A23" s="3" t="s">
        <v>39</v>
      </c>
      <c r="B23" s="5" t="s">
        <v>916</v>
      </c>
      <c r="C23" s="11">
        <v>3815714125.46</v>
      </c>
      <c r="D23" s="11">
        <v>3314468913.6100001</v>
      </c>
    </row>
    <row r="24" spans="1:4" x14ac:dyDescent="0.25">
      <c r="A24" s="2" t="s">
        <v>41</v>
      </c>
      <c r="B24" s="4" t="s">
        <v>917</v>
      </c>
      <c r="C24" s="12">
        <v>982164200</v>
      </c>
      <c r="D24" s="12">
        <v>657238639.05999994</v>
      </c>
    </row>
    <row r="25" spans="1:4" x14ac:dyDescent="0.25">
      <c r="A25" s="2" t="s">
        <v>43</v>
      </c>
      <c r="B25" s="4" t="s">
        <v>918</v>
      </c>
      <c r="C25" s="12">
        <v>14680000</v>
      </c>
      <c r="D25" s="12">
        <v>0</v>
      </c>
    </row>
    <row r="26" spans="1:4" x14ac:dyDescent="0.25">
      <c r="A26" s="2" t="s">
        <v>45</v>
      </c>
      <c r="B26" s="4" t="s">
        <v>919</v>
      </c>
      <c r="C26" s="12">
        <v>63898800</v>
      </c>
      <c r="D26" s="12">
        <v>33377657.739999998</v>
      </c>
    </row>
    <row r="27" spans="1:4" x14ac:dyDescent="0.25">
      <c r="A27" s="2" t="s">
        <v>47</v>
      </c>
      <c r="B27" s="4" t="s">
        <v>920</v>
      </c>
      <c r="C27" s="12">
        <v>1162234200</v>
      </c>
      <c r="D27" s="12">
        <v>722563524.76999998</v>
      </c>
    </row>
    <row r="28" spans="1:4" x14ac:dyDescent="0.25">
      <c r="A28" s="2" t="s">
        <v>49</v>
      </c>
      <c r="B28" s="4" t="s">
        <v>921</v>
      </c>
      <c r="C28" s="12">
        <v>1592736925.46</v>
      </c>
      <c r="D28" s="12">
        <v>1901289092.04</v>
      </c>
    </row>
    <row r="29" spans="1:4" x14ac:dyDescent="0.25">
      <c r="A29" s="3" t="s">
        <v>51</v>
      </c>
      <c r="B29" s="5" t="s">
        <v>922</v>
      </c>
      <c r="C29" s="11">
        <v>885311854</v>
      </c>
      <c r="D29" s="11">
        <v>590558344.24000001</v>
      </c>
    </row>
    <row r="30" spans="1:4" x14ac:dyDescent="0.25">
      <c r="A30" s="2" t="s">
        <v>53</v>
      </c>
      <c r="B30" s="4" t="s">
        <v>923</v>
      </c>
      <c r="C30" s="12">
        <v>626854</v>
      </c>
      <c r="D30" s="12">
        <v>1619315.48</v>
      </c>
    </row>
    <row r="31" spans="1:4" x14ac:dyDescent="0.25">
      <c r="A31" s="2" t="s">
        <v>55</v>
      </c>
      <c r="B31" s="4" t="s">
        <v>924</v>
      </c>
      <c r="C31" s="12">
        <v>884685000</v>
      </c>
      <c r="D31" s="12">
        <v>588939028.75999999</v>
      </c>
    </row>
    <row r="32" spans="1:4" x14ac:dyDescent="0.25">
      <c r="A32" s="2" t="s">
        <v>57</v>
      </c>
      <c r="B32" s="4" t="s">
        <v>925</v>
      </c>
      <c r="C32" s="12">
        <v>13047267425.459999</v>
      </c>
      <c r="D32" s="12">
        <v>9389858388.5300007</v>
      </c>
    </row>
    <row r="33" spans="1:4" x14ac:dyDescent="0.25">
      <c r="A33" s="3" t="s">
        <v>59</v>
      </c>
      <c r="B33" s="5" t="s">
        <v>926</v>
      </c>
      <c r="C33" s="11">
        <v>1710302369</v>
      </c>
      <c r="D33" s="11">
        <v>189196551.19999999</v>
      </c>
    </row>
    <row r="34" spans="1:4" x14ac:dyDescent="0.25">
      <c r="A34" s="2" t="s">
        <v>61</v>
      </c>
      <c r="B34" s="4" t="s">
        <v>927</v>
      </c>
      <c r="C34" s="12">
        <v>35003682</v>
      </c>
      <c r="D34" s="12">
        <v>19708636.879999999</v>
      </c>
    </row>
    <row r="35" spans="1:4" x14ac:dyDescent="0.25">
      <c r="A35" s="2" t="s">
        <v>63</v>
      </c>
      <c r="B35" s="4" t="s">
        <v>928</v>
      </c>
      <c r="C35" s="12">
        <v>5248000</v>
      </c>
      <c r="D35" s="12">
        <v>4603175.76</v>
      </c>
    </row>
    <row r="36" spans="1:4" x14ac:dyDescent="0.25">
      <c r="A36" s="3" t="s">
        <v>65</v>
      </c>
      <c r="B36" s="5" t="s">
        <v>929</v>
      </c>
      <c r="C36" s="11">
        <v>5188600</v>
      </c>
      <c r="D36" s="11">
        <v>765073.14</v>
      </c>
    </row>
    <row r="37" spans="1:4" x14ac:dyDescent="0.25">
      <c r="A37" s="2" t="s">
        <v>67</v>
      </c>
      <c r="B37" s="4" t="s">
        <v>930</v>
      </c>
      <c r="C37" s="12">
        <v>0</v>
      </c>
      <c r="D37" s="12">
        <v>0</v>
      </c>
    </row>
    <row r="38" spans="1:4" x14ac:dyDescent="0.25">
      <c r="A38" s="2" t="s">
        <v>69</v>
      </c>
      <c r="B38" s="4" t="s">
        <v>931</v>
      </c>
      <c r="C38" s="12">
        <v>0</v>
      </c>
      <c r="D38" s="12">
        <v>0</v>
      </c>
    </row>
    <row r="39" spans="1:4" x14ac:dyDescent="0.25">
      <c r="A39" s="2" t="s">
        <v>71</v>
      </c>
      <c r="B39" s="4" t="s">
        <v>932</v>
      </c>
      <c r="C39" s="12">
        <v>5188600</v>
      </c>
      <c r="D39" s="12">
        <v>765073.14</v>
      </c>
    </row>
    <row r="40" spans="1:4" x14ac:dyDescent="0.25">
      <c r="A40" s="3" t="s">
        <v>73</v>
      </c>
      <c r="B40" s="5" t="s">
        <v>933</v>
      </c>
      <c r="C40" s="11">
        <v>1040116987</v>
      </c>
      <c r="D40" s="11">
        <v>164039665.41999999</v>
      </c>
    </row>
    <row r="41" spans="1:4" x14ac:dyDescent="0.25">
      <c r="A41" s="2" t="s">
        <v>75</v>
      </c>
      <c r="B41" s="4" t="s">
        <v>934</v>
      </c>
      <c r="C41" s="12">
        <v>508215487</v>
      </c>
      <c r="D41" s="12">
        <v>48536668.32</v>
      </c>
    </row>
    <row r="42" spans="1:4" x14ac:dyDescent="0.25">
      <c r="A42" s="2" t="s">
        <v>77</v>
      </c>
      <c r="B42" s="4" t="s">
        <v>935</v>
      </c>
      <c r="C42" s="12">
        <v>531901500</v>
      </c>
      <c r="D42" s="12">
        <v>115502997.09999999</v>
      </c>
    </row>
    <row r="43" spans="1:4" x14ac:dyDescent="0.25">
      <c r="A43" s="3" t="s">
        <v>79</v>
      </c>
      <c r="B43" s="5" t="s">
        <v>836</v>
      </c>
      <c r="C43" s="11">
        <v>624745100</v>
      </c>
      <c r="D43" s="11">
        <v>80000</v>
      </c>
    </row>
    <row r="44" spans="1:4" x14ac:dyDescent="0.25">
      <c r="A44" s="2" t="s">
        <v>81</v>
      </c>
      <c r="B44" s="4" t="s">
        <v>936</v>
      </c>
      <c r="C44" s="12">
        <v>0</v>
      </c>
      <c r="D44" s="12">
        <v>0</v>
      </c>
    </row>
    <row r="45" spans="1:4" x14ac:dyDescent="0.25">
      <c r="A45" s="2" t="s">
        <v>83</v>
      </c>
      <c r="B45" s="4" t="s">
        <v>937</v>
      </c>
      <c r="C45" s="12">
        <v>624745100</v>
      </c>
      <c r="D45" s="12">
        <v>80000</v>
      </c>
    </row>
    <row r="46" spans="1:4" x14ac:dyDescent="0.25">
      <c r="A46" s="2" t="s">
        <v>85</v>
      </c>
      <c r="B46" s="4" t="s">
        <v>938</v>
      </c>
      <c r="C46" s="12">
        <v>1670050687</v>
      </c>
      <c r="D46" s="12">
        <v>164884738.56</v>
      </c>
    </row>
    <row r="47" spans="1:4" x14ac:dyDescent="0.25">
      <c r="A47" s="3" t="s">
        <v>87</v>
      </c>
      <c r="B47" s="5" t="s">
        <v>939</v>
      </c>
      <c r="C47" s="11">
        <v>14717318112.459999</v>
      </c>
      <c r="D47" s="11">
        <v>9554743127.0900002</v>
      </c>
    </row>
    <row r="49" spans="1:9" x14ac:dyDescent="0.25">
      <c r="A49" s="10" t="s">
        <v>6</v>
      </c>
      <c r="B49" s="10" t="s">
        <v>940</v>
      </c>
      <c r="C49" s="10" t="s">
        <v>839</v>
      </c>
      <c r="D49" s="10" t="s">
        <v>814</v>
      </c>
      <c r="E49" s="10" t="s">
        <v>7</v>
      </c>
      <c r="F49" s="10" t="s">
        <v>7</v>
      </c>
      <c r="G49" s="10" t="s">
        <v>7</v>
      </c>
      <c r="H49" s="10" t="s">
        <v>943</v>
      </c>
      <c r="I49" s="10" t="s">
        <v>943</v>
      </c>
    </row>
    <row r="50" spans="1:9" ht="21" x14ac:dyDescent="0.25">
      <c r="A50" s="10" t="s">
        <v>7</v>
      </c>
      <c r="B50" s="10" t="s">
        <v>7</v>
      </c>
      <c r="C50" s="10" t="s">
        <v>7</v>
      </c>
      <c r="D50" s="1" t="s">
        <v>168</v>
      </c>
      <c r="E50" s="1" t="s">
        <v>172</v>
      </c>
      <c r="F50" s="1" t="s">
        <v>941</v>
      </c>
      <c r="G50" s="1" t="s">
        <v>942</v>
      </c>
      <c r="H50" s="1" t="s">
        <v>944</v>
      </c>
      <c r="I50" s="1" t="s">
        <v>945</v>
      </c>
    </row>
    <row r="51" spans="1:9" x14ac:dyDescent="0.25">
      <c r="A51" s="3" t="s">
        <v>89</v>
      </c>
      <c r="B51" s="5" t="s">
        <v>899</v>
      </c>
      <c r="C51" s="11">
        <v>12196254339.6</v>
      </c>
      <c r="D51" s="11">
        <v>8385223797.9399996</v>
      </c>
      <c r="E51" s="11">
        <v>7629326444.4499998</v>
      </c>
      <c r="F51" s="11">
        <v>7190399491.3999996</v>
      </c>
      <c r="G51" s="11">
        <v>266324246.09999999</v>
      </c>
      <c r="H51" s="11">
        <v>125688511.44</v>
      </c>
      <c r="I51" s="11">
        <v>125371225.51000001</v>
      </c>
    </row>
    <row r="52" spans="1:9" x14ac:dyDescent="0.25">
      <c r="A52" s="2" t="s">
        <v>91</v>
      </c>
      <c r="B52" s="4" t="s">
        <v>946</v>
      </c>
      <c r="C52" s="12">
        <v>7568776534.1599998</v>
      </c>
      <c r="D52" s="12">
        <v>5946915841.6800003</v>
      </c>
      <c r="E52" s="12">
        <v>5594851316.5699997</v>
      </c>
      <c r="F52" s="12">
        <v>5235054907.6899996</v>
      </c>
      <c r="G52" s="12">
        <v>177952241.47</v>
      </c>
      <c r="H52" s="12">
        <v>331547.34999999998</v>
      </c>
      <c r="I52" s="12">
        <v>331547.34999999998</v>
      </c>
    </row>
    <row r="53" spans="1:9" x14ac:dyDescent="0.25">
      <c r="A53" s="2" t="s">
        <v>93</v>
      </c>
      <c r="B53" s="4" t="s">
        <v>947</v>
      </c>
      <c r="C53" s="12">
        <v>353408625</v>
      </c>
      <c r="D53" s="12">
        <v>100762352.8</v>
      </c>
      <c r="E53" s="12">
        <v>91596498.099999994</v>
      </c>
      <c r="F53" s="12">
        <v>91596498.099999994</v>
      </c>
      <c r="G53" s="12">
        <v>0</v>
      </c>
      <c r="H53" s="12">
        <v>0</v>
      </c>
      <c r="I53" s="12">
        <v>0</v>
      </c>
    </row>
    <row r="54" spans="1:9" x14ac:dyDescent="0.25">
      <c r="A54" s="3" t="s">
        <v>95</v>
      </c>
      <c r="B54" s="5" t="s">
        <v>948</v>
      </c>
      <c r="C54" s="11">
        <v>4274069180.4400001</v>
      </c>
      <c r="D54" s="11">
        <v>2337545603.46</v>
      </c>
      <c r="E54" s="11">
        <v>1942878629.78</v>
      </c>
      <c r="F54" s="11">
        <v>1863748085.6099999</v>
      </c>
      <c r="G54" s="11">
        <v>88372004.629999995</v>
      </c>
      <c r="H54" s="11">
        <v>125356964.09</v>
      </c>
      <c r="I54" s="11">
        <v>125039678.16</v>
      </c>
    </row>
    <row r="55" spans="1:9" x14ac:dyDescent="0.25">
      <c r="A55" s="2" t="s">
        <v>97</v>
      </c>
      <c r="B55" s="4" t="s">
        <v>949</v>
      </c>
      <c r="C55" s="12">
        <v>168000000</v>
      </c>
      <c r="D55" s="12">
        <v>126000000</v>
      </c>
      <c r="E55" s="12">
        <v>126000000</v>
      </c>
      <c r="F55" s="12">
        <v>112000000</v>
      </c>
      <c r="G55" s="12">
        <v>0</v>
      </c>
      <c r="H55" s="12">
        <v>0</v>
      </c>
      <c r="I55" s="12">
        <v>0</v>
      </c>
    </row>
    <row r="56" spans="1:9" x14ac:dyDescent="0.25">
      <c r="A56" s="2" t="s">
        <v>99</v>
      </c>
      <c r="B56" s="4" t="s">
        <v>950</v>
      </c>
      <c r="C56" s="12">
        <v>4106069180.4400001</v>
      </c>
      <c r="D56" s="12">
        <v>2211545603.46</v>
      </c>
      <c r="E56" s="12">
        <v>1816878629.78</v>
      </c>
      <c r="F56" s="12">
        <v>1751748085.6099999</v>
      </c>
      <c r="G56" s="12">
        <v>88372004.629999995</v>
      </c>
      <c r="H56" s="12">
        <v>125356964.09</v>
      </c>
      <c r="I56" s="12">
        <v>125039678.16</v>
      </c>
    </row>
    <row r="57" spans="1:9" x14ac:dyDescent="0.25">
      <c r="A57" s="2" t="s">
        <v>101</v>
      </c>
      <c r="B57" s="4" t="s">
        <v>951</v>
      </c>
      <c r="C57" s="12">
        <v>11842845714.6</v>
      </c>
      <c r="D57" s="12">
        <v>8284461445.1400003</v>
      </c>
      <c r="E57" s="12">
        <v>7537729946.3500004</v>
      </c>
      <c r="F57" s="12">
        <v>7098802993.3000002</v>
      </c>
      <c r="G57" s="12">
        <v>266324246.09999999</v>
      </c>
      <c r="H57" s="12">
        <v>125688511.44</v>
      </c>
      <c r="I57" s="12">
        <v>125371225.51000001</v>
      </c>
    </row>
    <row r="58" spans="1:9" x14ac:dyDescent="0.25">
      <c r="A58" s="3" t="s">
        <v>103</v>
      </c>
      <c r="B58" s="5" t="s">
        <v>952</v>
      </c>
      <c r="C58" s="11">
        <v>2489345976.04</v>
      </c>
      <c r="D58" s="11">
        <v>1207061906.3199999</v>
      </c>
      <c r="E58" s="11">
        <v>785278523.37</v>
      </c>
      <c r="F58" s="11">
        <v>752984777.33000004</v>
      </c>
      <c r="G58" s="11">
        <v>7198866.2000000002</v>
      </c>
      <c r="H58" s="11">
        <v>76250745.709999993</v>
      </c>
      <c r="I58" s="11">
        <v>74806102.819999993</v>
      </c>
    </row>
    <row r="59" spans="1:9" x14ac:dyDescent="0.25">
      <c r="A59" s="2" t="s">
        <v>105</v>
      </c>
      <c r="B59" s="4" t="s">
        <v>953</v>
      </c>
      <c r="C59" s="12">
        <v>2128985590.04</v>
      </c>
      <c r="D59" s="12">
        <v>1114011957.3699999</v>
      </c>
      <c r="E59" s="12">
        <v>704874145.34000003</v>
      </c>
      <c r="F59" s="12">
        <v>672580399.29999995</v>
      </c>
      <c r="G59" s="12">
        <v>7198866.2000000002</v>
      </c>
      <c r="H59" s="12">
        <v>76250745.709999993</v>
      </c>
      <c r="I59" s="12">
        <v>74806102.819999993</v>
      </c>
    </row>
    <row r="60" spans="1:9" x14ac:dyDescent="0.25">
      <c r="A60" s="3" t="s">
        <v>107</v>
      </c>
      <c r="B60" s="5" t="s">
        <v>954</v>
      </c>
      <c r="C60" s="11">
        <v>8162286</v>
      </c>
      <c r="D60" s="11">
        <v>7907892.6399999997</v>
      </c>
      <c r="E60" s="11">
        <v>3758801.55</v>
      </c>
      <c r="F60" s="11">
        <v>3758801.55</v>
      </c>
      <c r="G60" s="11">
        <v>0</v>
      </c>
      <c r="H60" s="11">
        <v>0</v>
      </c>
      <c r="I60" s="11">
        <v>0</v>
      </c>
    </row>
    <row r="61" spans="1:9" x14ac:dyDescent="0.25">
      <c r="A61" s="2" t="s">
        <v>109</v>
      </c>
      <c r="B61" s="4" t="s">
        <v>955</v>
      </c>
      <c r="C61" s="12">
        <v>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  <c r="I61" s="12">
        <v>0</v>
      </c>
    </row>
    <row r="62" spans="1:9" x14ac:dyDescent="0.25">
      <c r="A62" s="2" t="s">
        <v>111</v>
      </c>
      <c r="B62" s="4" t="s">
        <v>956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</row>
    <row r="63" spans="1:9" x14ac:dyDescent="0.25">
      <c r="A63" s="2" t="s">
        <v>113</v>
      </c>
      <c r="B63" s="4" t="s">
        <v>957</v>
      </c>
      <c r="C63" s="12">
        <v>0</v>
      </c>
      <c r="D63" s="12">
        <v>0</v>
      </c>
      <c r="E63" s="12">
        <v>0</v>
      </c>
      <c r="F63" s="12">
        <v>0</v>
      </c>
      <c r="G63" s="12">
        <v>0</v>
      </c>
      <c r="H63" s="12">
        <v>0</v>
      </c>
      <c r="I63" s="12">
        <v>0</v>
      </c>
    </row>
    <row r="64" spans="1:9" x14ac:dyDescent="0.25">
      <c r="A64" s="2" t="s">
        <v>115</v>
      </c>
      <c r="B64" s="4" t="s">
        <v>958</v>
      </c>
      <c r="C64" s="12">
        <v>8162286</v>
      </c>
      <c r="D64" s="12">
        <v>7907892.6399999997</v>
      </c>
      <c r="E64" s="12">
        <v>3758801.55</v>
      </c>
      <c r="F64" s="12">
        <v>3758801.55</v>
      </c>
      <c r="G64" s="12">
        <v>0</v>
      </c>
      <c r="H64" s="12">
        <v>0</v>
      </c>
      <c r="I64" s="12">
        <v>0</v>
      </c>
    </row>
    <row r="65" spans="1:9" x14ac:dyDescent="0.25">
      <c r="A65" s="2" t="s">
        <v>117</v>
      </c>
      <c r="B65" s="4" t="s">
        <v>959</v>
      </c>
      <c r="C65" s="12">
        <v>352198100</v>
      </c>
      <c r="D65" s="12">
        <v>85142056.310000002</v>
      </c>
      <c r="E65" s="12">
        <v>76645576.480000004</v>
      </c>
      <c r="F65" s="12">
        <v>76645576.480000004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19</v>
      </c>
      <c r="B66" s="4" t="s">
        <v>960</v>
      </c>
      <c r="C66" s="12">
        <v>2137147876.04</v>
      </c>
      <c r="D66" s="12">
        <v>1121919850.01</v>
      </c>
      <c r="E66" s="12">
        <v>708632946.88999999</v>
      </c>
      <c r="F66" s="12">
        <v>676339200.85000002</v>
      </c>
      <c r="G66" s="12">
        <v>7198866.2000000002</v>
      </c>
      <c r="H66" s="12">
        <v>76250745.709999993</v>
      </c>
      <c r="I66" s="12">
        <v>74806102.819999993</v>
      </c>
    </row>
    <row r="67" spans="1:9" x14ac:dyDescent="0.25">
      <c r="A67" s="2" t="s">
        <v>120</v>
      </c>
      <c r="B67" s="4" t="s">
        <v>961</v>
      </c>
      <c r="C67" s="12">
        <v>1203399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21</v>
      </c>
      <c r="B68" s="5" t="s">
        <v>962</v>
      </c>
      <c r="C68" s="11">
        <v>13981196989.639999</v>
      </c>
      <c r="D68" s="11">
        <v>9406381295.1499996</v>
      </c>
      <c r="E68" s="11">
        <v>8246362893.2399998</v>
      </c>
      <c r="F68" s="11">
        <v>7775142194.1499996</v>
      </c>
      <c r="G68" s="11">
        <v>273523112.30000001</v>
      </c>
      <c r="H68" s="11">
        <v>201939257.15000001</v>
      </c>
      <c r="I68" s="11">
        <v>200177328.33000001</v>
      </c>
    </row>
    <row r="70" spans="1:9" x14ac:dyDescent="0.25">
      <c r="A70" s="10" t="s">
        <v>6</v>
      </c>
      <c r="B70" s="10" t="s">
        <v>963</v>
      </c>
      <c r="C70" s="10" t="s">
        <v>461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2" t="s">
        <v>122</v>
      </c>
      <c r="B72" s="4" t="s">
        <v>964</v>
      </c>
      <c r="C72" s="12">
        <v>1305900492.3099999</v>
      </c>
    </row>
    <row r="74" spans="1:9" x14ac:dyDescent="0.25">
      <c r="A74" s="10" t="s">
        <v>6</v>
      </c>
      <c r="B74" s="10" t="s">
        <v>965</v>
      </c>
      <c r="C74" s="10" t="s">
        <v>966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23</v>
      </c>
      <c r="B76" s="4" t="s">
        <v>967</v>
      </c>
      <c r="C76" s="12">
        <v>799683900</v>
      </c>
    </row>
    <row r="78" spans="1:9" ht="21" x14ac:dyDescent="0.25">
      <c r="A78" s="10" t="s">
        <v>6</v>
      </c>
      <c r="B78" s="10" t="s">
        <v>968</v>
      </c>
      <c r="C78" s="1" t="s">
        <v>814</v>
      </c>
    </row>
    <row r="79" spans="1:9" ht="21" x14ac:dyDescent="0.25">
      <c r="A79" s="10" t="s">
        <v>7</v>
      </c>
      <c r="B79" s="10" t="s">
        <v>7</v>
      </c>
      <c r="C79" s="1" t="s">
        <v>969</v>
      </c>
    </row>
    <row r="80" spans="1:9" x14ac:dyDescent="0.25">
      <c r="A80" s="2" t="s">
        <v>124</v>
      </c>
      <c r="B80" s="4" t="s">
        <v>970</v>
      </c>
      <c r="C80" s="12">
        <v>92984928.159999996</v>
      </c>
    </row>
    <row r="81" spans="1:4" x14ac:dyDescent="0.25">
      <c r="A81" s="2" t="s">
        <v>125</v>
      </c>
      <c r="B81" s="4" t="s">
        <v>971</v>
      </c>
      <c r="C81" s="12">
        <v>274570861.52999997</v>
      </c>
    </row>
    <row r="83" spans="1:4" x14ac:dyDescent="0.25">
      <c r="A83" s="10" t="s">
        <v>6</v>
      </c>
      <c r="B83" s="10" t="s">
        <v>972</v>
      </c>
      <c r="C83" s="10" t="s">
        <v>969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2" t="s">
        <v>126</v>
      </c>
      <c r="B85" s="4" t="s">
        <v>973</v>
      </c>
      <c r="C85" s="12">
        <v>1124314558.9400001</v>
      </c>
    </row>
    <row r="87" spans="1:4" x14ac:dyDescent="0.25">
      <c r="A87" s="10" t="s">
        <v>6</v>
      </c>
      <c r="B87" s="10" t="s">
        <v>974</v>
      </c>
      <c r="C87" s="10" t="s">
        <v>966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2" t="s">
        <v>127</v>
      </c>
      <c r="B89" s="4" t="s">
        <v>967</v>
      </c>
      <c r="C89" s="12">
        <v>285304200</v>
      </c>
    </row>
    <row r="91" spans="1:4" x14ac:dyDescent="0.25">
      <c r="A91" s="10" t="s">
        <v>6</v>
      </c>
      <c r="B91" s="10" t="s">
        <v>975</v>
      </c>
      <c r="C91" s="10" t="s">
        <v>976</v>
      </c>
      <c r="D91" s="10" t="s">
        <v>976</v>
      </c>
    </row>
    <row r="92" spans="1:4" ht="21" x14ac:dyDescent="0.25">
      <c r="A92" s="10" t="s">
        <v>7</v>
      </c>
      <c r="B92" s="10" t="s">
        <v>7</v>
      </c>
      <c r="C92" s="1" t="s">
        <v>977</v>
      </c>
      <c r="D92" s="1" t="s">
        <v>369</v>
      </c>
    </row>
    <row r="93" spans="1:4" x14ac:dyDescent="0.25">
      <c r="A93" s="2" t="s">
        <v>129</v>
      </c>
      <c r="B93" s="4" t="s">
        <v>978</v>
      </c>
      <c r="C93" s="12">
        <v>9026509619.5300007</v>
      </c>
      <c r="D93" s="12">
        <v>9400911908.6299992</v>
      </c>
    </row>
    <row r="94" spans="1:4" x14ac:dyDescent="0.25">
      <c r="A94" s="3" t="s">
        <v>131</v>
      </c>
      <c r="B94" s="5" t="s">
        <v>979</v>
      </c>
      <c r="C94" s="11">
        <v>1690332946.6600001</v>
      </c>
      <c r="D94" s="11">
        <v>3162844555.9000001</v>
      </c>
    </row>
    <row r="95" spans="1:4" x14ac:dyDescent="0.25">
      <c r="A95" s="3" t="s">
        <v>133</v>
      </c>
      <c r="B95" s="5" t="s">
        <v>980</v>
      </c>
      <c r="C95" s="11">
        <v>1403225570.4000001</v>
      </c>
      <c r="D95" s="11">
        <v>2849648745.77</v>
      </c>
    </row>
    <row r="96" spans="1:4" x14ac:dyDescent="0.25">
      <c r="A96" s="2" t="s">
        <v>135</v>
      </c>
      <c r="B96" s="4" t="s">
        <v>981</v>
      </c>
      <c r="C96" s="12">
        <v>1781205968.45</v>
      </c>
      <c r="D96" s="12">
        <v>2943058724.3800001</v>
      </c>
    </row>
    <row r="97" spans="1:4" x14ac:dyDescent="0.25">
      <c r="A97" s="2" t="s">
        <v>137</v>
      </c>
      <c r="B97" s="4" t="s">
        <v>982</v>
      </c>
      <c r="C97" s="12">
        <v>377980398.05000001</v>
      </c>
      <c r="D97" s="12">
        <v>93409978.609999999</v>
      </c>
    </row>
    <row r="98" spans="1:4" x14ac:dyDescent="0.25">
      <c r="A98" s="2" t="s">
        <v>139</v>
      </c>
      <c r="B98" s="4" t="s">
        <v>983</v>
      </c>
      <c r="C98" s="12">
        <v>287107376.25999999</v>
      </c>
      <c r="D98" s="12">
        <v>313195810.13</v>
      </c>
    </row>
    <row r="99" spans="1:4" x14ac:dyDescent="0.25">
      <c r="A99" s="3" t="s">
        <v>141</v>
      </c>
      <c r="B99" s="5" t="s">
        <v>984</v>
      </c>
      <c r="C99" s="11">
        <v>7336176672.8699999</v>
      </c>
      <c r="D99" s="11">
        <v>6238067352.7299995</v>
      </c>
    </row>
    <row r="101" spans="1:4" x14ac:dyDescent="0.25">
      <c r="A101" s="10" t="s">
        <v>6</v>
      </c>
      <c r="B101" s="10" t="s">
        <v>985</v>
      </c>
      <c r="C101" s="10" t="s">
        <v>986</v>
      </c>
    </row>
    <row r="102" spans="1:4" x14ac:dyDescent="0.25">
      <c r="A102" s="10" t="s">
        <v>7</v>
      </c>
      <c r="B102" s="10" t="s">
        <v>7</v>
      </c>
      <c r="C102" s="10" t="s">
        <v>7</v>
      </c>
    </row>
    <row r="103" spans="1:4" x14ac:dyDescent="0.25">
      <c r="A103" s="2" t="s">
        <v>143</v>
      </c>
      <c r="B103" s="4" t="s">
        <v>987</v>
      </c>
      <c r="C103" s="12">
        <v>1098109320.1400001</v>
      </c>
    </row>
    <row r="105" spans="1:4" x14ac:dyDescent="0.25">
      <c r="A105" s="10" t="s">
        <v>6</v>
      </c>
      <c r="B105" s="10" t="s">
        <v>988</v>
      </c>
      <c r="C105" s="10" t="s">
        <v>986</v>
      </c>
    </row>
    <row r="106" spans="1:4" x14ac:dyDescent="0.25">
      <c r="A106" s="10" t="s">
        <v>7</v>
      </c>
      <c r="B106" s="10" t="s">
        <v>7</v>
      </c>
      <c r="C106" s="10" t="s">
        <v>7</v>
      </c>
    </row>
    <row r="107" spans="1:4" x14ac:dyDescent="0.25">
      <c r="A107" s="2" t="s">
        <v>145</v>
      </c>
      <c r="B107" s="4" t="s">
        <v>989</v>
      </c>
      <c r="C107" s="12">
        <v>284570419.44</v>
      </c>
    </row>
    <row r="108" spans="1:4" x14ac:dyDescent="0.25">
      <c r="A108" s="2" t="s">
        <v>147</v>
      </c>
      <c r="B108" s="4" t="s">
        <v>990</v>
      </c>
      <c r="C108" s="12">
        <v>0</v>
      </c>
    </row>
    <row r="109" spans="1:4" x14ac:dyDescent="0.25">
      <c r="A109" s="2" t="s">
        <v>149</v>
      </c>
      <c r="B109" s="4" t="s">
        <v>991</v>
      </c>
      <c r="C109" s="12">
        <v>7430982.9800000004</v>
      </c>
    </row>
    <row r="110" spans="1:4" x14ac:dyDescent="0.25">
      <c r="A110" s="2" t="s">
        <v>151</v>
      </c>
      <c r="B110" s="4" t="s">
        <v>992</v>
      </c>
      <c r="C110" s="12">
        <v>-545945253.23000002</v>
      </c>
    </row>
    <row r="111" spans="1:4" x14ac:dyDescent="0.25">
      <c r="A111" s="2" t="s">
        <v>152</v>
      </c>
      <c r="B111" s="4" t="s">
        <v>993</v>
      </c>
      <c r="C111" s="12">
        <v>141863333.27000001</v>
      </c>
    </row>
    <row r="112" spans="1:4" x14ac:dyDescent="0.25">
      <c r="A112" s="2" t="s">
        <v>153</v>
      </c>
      <c r="B112" s="4" t="s">
        <v>994</v>
      </c>
      <c r="C112" s="12">
        <v>0</v>
      </c>
    </row>
    <row r="113" spans="1:8" x14ac:dyDescent="0.25">
      <c r="A113" s="2" t="s">
        <v>155</v>
      </c>
      <c r="B113" s="4" t="s">
        <v>995</v>
      </c>
      <c r="C113" s="12">
        <v>0</v>
      </c>
    </row>
    <row r="114" spans="1:8" x14ac:dyDescent="0.25">
      <c r="A114" s="2" t="s">
        <v>157</v>
      </c>
      <c r="B114" s="4" t="s">
        <v>996</v>
      </c>
      <c r="C114" s="12">
        <v>133161297.18000001</v>
      </c>
    </row>
    <row r="116" spans="1:8" x14ac:dyDescent="0.25">
      <c r="A116" s="10" t="s">
        <v>6</v>
      </c>
      <c r="B116" s="10" t="s">
        <v>997</v>
      </c>
      <c r="C116" s="10" t="s">
        <v>853</v>
      </c>
    </row>
    <row r="117" spans="1:8" x14ac:dyDescent="0.25">
      <c r="A117" s="10" t="s">
        <v>7</v>
      </c>
      <c r="B117" s="10" t="s">
        <v>7</v>
      </c>
      <c r="C117" s="10" t="s">
        <v>7</v>
      </c>
    </row>
    <row r="118" spans="1:8" x14ac:dyDescent="0.25">
      <c r="A118" s="2" t="s">
        <v>159</v>
      </c>
      <c r="B118" s="4" t="s">
        <v>998</v>
      </c>
      <c r="C118" s="12">
        <v>314747230.55000001</v>
      </c>
    </row>
    <row r="120" spans="1:8" x14ac:dyDescent="0.25">
      <c r="A120" s="10" t="s">
        <v>6</v>
      </c>
      <c r="B120" s="10" t="s">
        <v>999</v>
      </c>
      <c r="C120" s="10" t="s">
        <v>853</v>
      </c>
    </row>
    <row r="121" spans="1:8" x14ac:dyDescent="0.25">
      <c r="A121" s="10" t="s">
        <v>7</v>
      </c>
      <c r="B121" s="10" t="s">
        <v>7</v>
      </c>
      <c r="C121" s="10" t="s">
        <v>7</v>
      </c>
    </row>
    <row r="122" spans="1:8" x14ac:dyDescent="0.25">
      <c r="A122" s="3" t="s">
        <v>161</v>
      </c>
      <c r="B122" s="5" t="s">
        <v>1000</v>
      </c>
      <c r="C122" s="11">
        <v>256756956.19</v>
      </c>
    </row>
    <row r="123" spans="1:8" x14ac:dyDescent="0.25">
      <c r="A123" s="2" t="s">
        <v>163</v>
      </c>
      <c r="B123" s="4" t="s">
        <v>162</v>
      </c>
      <c r="C123" s="12">
        <v>0</v>
      </c>
    </row>
    <row r="124" spans="1:8" x14ac:dyDescent="0.25">
      <c r="A124" s="2" t="s">
        <v>176</v>
      </c>
      <c r="B124" s="4" t="s">
        <v>1001</v>
      </c>
      <c r="C124" s="12">
        <v>256756956.19</v>
      </c>
    </row>
    <row r="125" spans="1:8" x14ac:dyDescent="0.25">
      <c r="A125" s="2" t="s">
        <v>178</v>
      </c>
      <c r="B125" s="4" t="s">
        <v>855</v>
      </c>
      <c r="C125" s="12">
        <v>0</v>
      </c>
    </row>
    <row r="127" spans="1:8" x14ac:dyDescent="0.25">
      <c r="A127" s="10" t="s">
        <v>6</v>
      </c>
      <c r="B127" s="10" t="s">
        <v>1002</v>
      </c>
      <c r="C127" s="10" t="s">
        <v>168</v>
      </c>
      <c r="D127" s="10" t="s">
        <v>7</v>
      </c>
      <c r="E127" s="10" t="s">
        <v>172</v>
      </c>
      <c r="F127" s="10" t="s">
        <v>7</v>
      </c>
      <c r="G127" s="10" t="s">
        <v>1005</v>
      </c>
      <c r="H127" s="10" t="s">
        <v>1005</v>
      </c>
    </row>
    <row r="128" spans="1:8" ht="31.5" x14ac:dyDescent="0.25">
      <c r="A128" s="10" t="s">
        <v>7</v>
      </c>
      <c r="B128" s="10" t="s">
        <v>7</v>
      </c>
      <c r="C128" s="1" t="s">
        <v>1003</v>
      </c>
      <c r="D128" s="1" t="s">
        <v>1004</v>
      </c>
      <c r="E128" s="1" t="s">
        <v>1003</v>
      </c>
      <c r="F128" s="1" t="s">
        <v>1004</v>
      </c>
      <c r="G128" s="1" t="s">
        <v>1003</v>
      </c>
      <c r="H128" s="1" t="s">
        <v>1004</v>
      </c>
    </row>
    <row r="129" spans="1:8" x14ac:dyDescent="0.25">
      <c r="A129" s="3" t="s">
        <v>180</v>
      </c>
      <c r="B129" s="5" t="s">
        <v>1006</v>
      </c>
      <c r="C129" s="11">
        <v>9549652619.1800003</v>
      </c>
      <c r="D129" s="11">
        <v>9742455589.0699997</v>
      </c>
      <c r="E129" s="11">
        <v>8757510204.3199997</v>
      </c>
      <c r="F129" s="11">
        <v>8931767501.3700008</v>
      </c>
      <c r="G129" s="11">
        <v>0</v>
      </c>
      <c r="H129" s="11">
        <v>0</v>
      </c>
    </row>
    <row r="130" spans="1:8" x14ac:dyDescent="0.25">
      <c r="A130" s="2" t="s">
        <v>182</v>
      </c>
      <c r="B130" s="4" t="s">
        <v>946</v>
      </c>
      <c r="C130" s="12">
        <v>6674509269.8900003</v>
      </c>
      <c r="D130" s="12">
        <v>7230356150.6199999</v>
      </c>
      <c r="E130" s="12">
        <v>6252494911.9899998</v>
      </c>
      <c r="F130" s="12">
        <v>6837096250.9399996</v>
      </c>
      <c r="G130" s="12">
        <v>0</v>
      </c>
      <c r="H130" s="12">
        <v>0</v>
      </c>
    </row>
    <row r="131" spans="1:8" x14ac:dyDescent="0.25">
      <c r="A131" s="2" t="s">
        <v>184</v>
      </c>
      <c r="B131" s="4" t="s">
        <v>1007</v>
      </c>
      <c r="C131" s="12">
        <v>232876271.13</v>
      </c>
      <c r="D131" s="12">
        <v>100762352.8</v>
      </c>
      <c r="E131" s="12">
        <v>232297213.71000001</v>
      </c>
      <c r="F131" s="12">
        <v>91596498.099999994</v>
      </c>
      <c r="G131" s="12">
        <v>0</v>
      </c>
      <c r="H131" s="12">
        <v>0</v>
      </c>
    </row>
    <row r="132" spans="1:8" x14ac:dyDescent="0.25">
      <c r="A132" s="2" t="s">
        <v>186</v>
      </c>
      <c r="B132" s="4" t="s">
        <v>948</v>
      </c>
      <c r="C132" s="12">
        <v>2642267078.1599998</v>
      </c>
      <c r="D132" s="12">
        <v>2411337085.6500001</v>
      </c>
      <c r="E132" s="12">
        <v>2272718078.6199999</v>
      </c>
      <c r="F132" s="12">
        <v>2003074752.3299999</v>
      </c>
      <c r="G132" s="12">
        <v>0</v>
      </c>
      <c r="H132" s="12">
        <v>0</v>
      </c>
    </row>
    <row r="133" spans="1:8" x14ac:dyDescent="0.25">
      <c r="A133" s="2" t="s">
        <v>188</v>
      </c>
      <c r="B133" s="4" t="s">
        <v>1008</v>
      </c>
      <c r="C133" s="12">
        <v>9316776348.0499992</v>
      </c>
      <c r="D133" s="12">
        <v>9641693236.2700005</v>
      </c>
      <c r="E133" s="12">
        <v>8525212990.6099997</v>
      </c>
      <c r="F133" s="12">
        <v>8840171003.2700005</v>
      </c>
      <c r="G133" s="12">
        <v>0</v>
      </c>
      <c r="H133" s="12">
        <v>0</v>
      </c>
    </row>
    <row r="134" spans="1:8" x14ac:dyDescent="0.25">
      <c r="A134" s="2" t="s">
        <v>190</v>
      </c>
      <c r="B134" s="4" t="s">
        <v>1009</v>
      </c>
      <c r="C134" s="12">
        <v>126000000</v>
      </c>
      <c r="D134" s="12">
        <v>126000000</v>
      </c>
      <c r="E134" s="12">
        <v>126000000</v>
      </c>
      <c r="F134" s="12">
        <v>126000000</v>
      </c>
      <c r="G134" s="12">
        <v>0</v>
      </c>
      <c r="H134" s="12">
        <v>0</v>
      </c>
    </row>
    <row r="135" spans="1:8" x14ac:dyDescent="0.25">
      <c r="A135" s="2" t="s">
        <v>192</v>
      </c>
      <c r="B135" s="4" t="s">
        <v>1010</v>
      </c>
      <c r="C135" s="12">
        <v>62147956.200000003</v>
      </c>
      <c r="D135" s="12">
        <v>76700201.700000003</v>
      </c>
      <c r="E135" s="12">
        <v>61748347.829999998</v>
      </c>
      <c r="F135" s="12">
        <v>75448972.099999994</v>
      </c>
      <c r="G135" s="12">
        <v>0</v>
      </c>
      <c r="H135" s="12">
        <v>0</v>
      </c>
    </row>
    <row r="136" spans="1:8" x14ac:dyDescent="0.25">
      <c r="A136" s="2" t="s">
        <v>194</v>
      </c>
      <c r="B136" s="4" t="s">
        <v>1011</v>
      </c>
      <c r="C136" s="12">
        <v>9128628391.8500004</v>
      </c>
      <c r="D136" s="12">
        <v>9438993034.5699997</v>
      </c>
      <c r="E136" s="12">
        <v>8337464642.7799997</v>
      </c>
      <c r="F136" s="12">
        <v>8638722031.1700001</v>
      </c>
      <c r="G136" s="12">
        <v>0</v>
      </c>
      <c r="H136" s="12">
        <v>0</v>
      </c>
    </row>
  </sheetData>
  <mergeCells count="48">
    <mergeCell ref="A127:A128"/>
    <mergeCell ref="B127:B128"/>
    <mergeCell ref="C127:D127"/>
    <mergeCell ref="E127:F127"/>
    <mergeCell ref="G127:H127"/>
    <mergeCell ref="A116:A117"/>
    <mergeCell ref="B116:B117"/>
    <mergeCell ref="C116:C117"/>
    <mergeCell ref="A120:A121"/>
    <mergeCell ref="B120:B121"/>
    <mergeCell ref="C120:C121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5" width="17.28515625" bestFit="1" customWidth="1"/>
    <col min="6" max="6" width="16" bestFit="1" customWidth="1"/>
    <col min="7" max="7" width="17.28515625" bestFit="1" customWidth="1"/>
    <col min="8" max="8" width="16" bestFit="1" customWidth="1"/>
    <col min="9" max="11" width="17.28515625" bestFit="1" customWidth="1"/>
    <col min="12" max="12" width="16" bestFit="1" customWidth="1"/>
    <col min="13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101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1013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1014</v>
      </c>
      <c r="C10" s="10" t="s">
        <v>1015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1020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1027</v>
      </c>
    </row>
    <row r="11" spans="1:14" ht="63" x14ac:dyDescent="0.25">
      <c r="A11" s="10" t="s">
        <v>7</v>
      </c>
      <c r="B11" s="10" t="s">
        <v>7</v>
      </c>
      <c r="C11" s="1" t="s">
        <v>1016</v>
      </c>
      <c r="D11" s="1" t="s">
        <v>1017</v>
      </c>
      <c r="E11" s="1" t="s">
        <v>945</v>
      </c>
      <c r="F11" s="1" t="s">
        <v>1018</v>
      </c>
      <c r="G11" s="1" t="s">
        <v>1019</v>
      </c>
      <c r="H11" s="1" t="s">
        <v>1021</v>
      </c>
      <c r="I11" s="1" t="s">
        <v>1022</v>
      </c>
      <c r="J11" s="1" t="s">
        <v>1023</v>
      </c>
      <c r="K11" s="1" t="s">
        <v>1024</v>
      </c>
      <c r="L11" s="1" t="s">
        <v>1025</v>
      </c>
      <c r="M11" s="1" t="s">
        <v>1026</v>
      </c>
      <c r="N11" s="10" t="s">
        <v>7</v>
      </c>
    </row>
    <row r="12" spans="1:14" x14ac:dyDescent="0.25">
      <c r="A12" s="3" t="s">
        <v>17</v>
      </c>
      <c r="B12" s="5" t="s">
        <v>1028</v>
      </c>
      <c r="C12" s="11">
        <v>95904037.670000002</v>
      </c>
      <c r="D12" s="11">
        <v>282947803.02999997</v>
      </c>
      <c r="E12" s="11">
        <v>273523112.30000001</v>
      </c>
      <c r="F12" s="11">
        <v>12801827.58</v>
      </c>
      <c r="G12" s="11">
        <v>92526900.819999993</v>
      </c>
      <c r="H12" s="11">
        <v>65451832.469999999</v>
      </c>
      <c r="I12" s="11">
        <v>343110261.60000002</v>
      </c>
      <c r="J12" s="11">
        <v>201939257.15000001</v>
      </c>
      <c r="K12" s="11">
        <v>200177328.33000001</v>
      </c>
      <c r="L12" s="11">
        <v>46751667.409999996</v>
      </c>
      <c r="M12" s="11">
        <v>161633098.33000001</v>
      </c>
      <c r="N12" s="11">
        <v>254159999.15000001</v>
      </c>
    </row>
    <row r="13" spans="1:14" x14ac:dyDescent="0.25">
      <c r="A13" s="2" t="s">
        <v>19</v>
      </c>
      <c r="B13" s="4" t="s">
        <v>1029</v>
      </c>
      <c r="C13" s="12">
        <v>85309977.209999993</v>
      </c>
      <c r="D13" s="12">
        <v>250247548.38</v>
      </c>
      <c r="E13" s="12">
        <v>230228797.19</v>
      </c>
      <c r="F13" s="12">
        <v>12801827.58</v>
      </c>
      <c r="G13" s="12">
        <v>92526900.819999993</v>
      </c>
      <c r="H13" s="12">
        <v>63515709.640000001</v>
      </c>
      <c r="I13" s="12">
        <v>294264988.26999998</v>
      </c>
      <c r="J13" s="12">
        <v>171665818.72999999</v>
      </c>
      <c r="K13" s="12">
        <v>169903889.91</v>
      </c>
      <c r="L13" s="12">
        <v>37437694.109999999</v>
      </c>
      <c r="M13" s="12">
        <v>150439113.88999999</v>
      </c>
      <c r="N13" s="12">
        <v>242966014.71000001</v>
      </c>
    </row>
    <row r="14" spans="1:14" x14ac:dyDescent="0.25">
      <c r="A14" s="3" t="s">
        <v>21</v>
      </c>
      <c r="B14" s="5" t="s">
        <v>1030</v>
      </c>
      <c r="C14" s="11">
        <v>9767796.5399999991</v>
      </c>
      <c r="D14" s="11">
        <v>728055.26</v>
      </c>
      <c r="E14" s="11">
        <v>10495851.800000001</v>
      </c>
      <c r="F14" s="11">
        <v>0</v>
      </c>
      <c r="G14" s="11">
        <v>0</v>
      </c>
      <c r="H14" s="11">
        <v>1936122.83</v>
      </c>
      <c r="I14" s="11">
        <v>2272008.11</v>
      </c>
      <c r="J14" s="11">
        <v>2655208.65</v>
      </c>
      <c r="K14" s="11">
        <v>2655208.65</v>
      </c>
      <c r="L14" s="11">
        <v>1325936.0900000001</v>
      </c>
      <c r="M14" s="11">
        <v>226986.2</v>
      </c>
      <c r="N14" s="11">
        <v>226986.2</v>
      </c>
    </row>
    <row r="15" spans="1:14" x14ac:dyDescent="0.25">
      <c r="A15" s="2" t="s">
        <v>23</v>
      </c>
      <c r="B15" s="4" t="s">
        <v>1031</v>
      </c>
      <c r="C15" s="12">
        <v>9767796.5399999991</v>
      </c>
      <c r="D15" s="12">
        <v>0</v>
      </c>
      <c r="E15" s="12">
        <v>9767796.5399999991</v>
      </c>
      <c r="F15" s="12">
        <v>0</v>
      </c>
      <c r="G15" s="12">
        <v>0</v>
      </c>
      <c r="H15" s="12">
        <v>1936122.83</v>
      </c>
      <c r="I15" s="12">
        <v>0</v>
      </c>
      <c r="J15" s="12">
        <v>789214.66</v>
      </c>
      <c r="K15" s="12">
        <v>789214.66</v>
      </c>
      <c r="L15" s="12">
        <v>1146908.17</v>
      </c>
      <c r="M15" s="12">
        <v>0</v>
      </c>
      <c r="N15" s="12">
        <v>0</v>
      </c>
    </row>
    <row r="16" spans="1:14" x14ac:dyDescent="0.25">
      <c r="A16" s="2" t="s">
        <v>25</v>
      </c>
      <c r="B16" s="4" t="s">
        <v>1032</v>
      </c>
      <c r="C16" s="12">
        <v>0</v>
      </c>
      <c r="D16" s="12">
        <v>727043.59</v>
      </c>
      <c r="E16" s="12">
        <v>727043.59</v>
      </c>
      <c r="F16" s="12">
        <v>0</v>
      </c>
      <c r="G16" s="12">
        <v>0</v>
      </c>
      <c r="H16" s="12">
        <v>0</v>
      </c>
      <c r="I16" s="12">
        <v>2267312.21</v>
      </c>
      <c r="J16" s="12">
        <v>1861308.99</v>
      </c>
      <c r="K16" s="12">
        <v>1861308.99</v>
      </c>
      <c r="L16" s="12">
        <v>179017.02</v>
      </c>
      <c r="M16" s="12">
        <v>226986.2</v>
      </c>
      <c r="N16" s="12">
        <v>226986.2</v>
      </c>
    </row>
    <row r="17" spans="1:14" x14ac:dyDescent="0.25">
      <c r="A17" s="2" t="s">
        <v>27</v>
      </c>
      <c r="B17" s="4" t="s">
        <v>1033</v>
      </c>
      <c r="C17" s="12">
        <v>0</v>
      </c>
      <c r="D17" s="12">
        <v>1011.67</v>
      </c>
      <c r="E17" s="12">
        <v>1011.67</v>
      </c>
      <c r="F17" s="12">
        <v>0</v>
      </c>
      <c r="G17" s="12">
        <v>0</v>
      </c>
      <c r="H17" s="12">
        <v>0</v>
      </c>
      <c r="I17" s="12">
        <v>4695.8999999999996</v>
      </c>
      <c r="J17" s="12">
        <v>4685</v>
      </c>
      <c r="K17" s="12">
        <v>4685</v>
      </c>
      <c r="L17" s="12">
        <v>10.9</v>
      </c>
      <c r="M17" s="12">
        <v>0</v>
      </c>
      <c r="N17" s="12">
        <v>0</v>
      </c>
    </row>
    <row r="18" spans="1:14" x14ac:dyDescent="0.25">
      <c r="A18" s="3" t="s">
        <v>29</v>
      </c>
      <c r="B18" s="5" t="s">
        <v>1034</v>
      </c>
      <c r="C18" s="11">
        <v>0</v>
      </c>
      <c r="D18" s="11">
        <v>31487734.809999999</v>
      </c>
      <c r="E18" s="11">
        <v>31487734.809999999</v>
      </c>
      <c r="F18" s="11">
        <v>0</v>
      </c>
      <c r="G18" s="11">
        <v>0</v>
      </c>
      <c r="H18" s="11">
        <v>0</v>
      </c>
      <c r="I18" s="11">
        <v>20106935.5</v>
      </c>
      <c r="J18" s="11">
        <v>11376423.5</v>
      </c>
      <c r="K18" s="11">
        <v>11376423.5</v>
      </c>
      <c r="L18" s="11">
        <v>7599469.3899999997</v>
      </c>
      <c r="M18" s="11">
        <v>1131042.6100000001</v>
      </c>
      <c r="N18" s="11">
        <v>1131042.6100000001</v>
      </c>
    </row>
    <row r="19" spans="1:14" x14ac:dyDescent="0.25">
      <c r="A19" s="2" t="s">
        <v>31</v>
      </c>
      <c r="B19" s="4" t="s">
        <v>1035</v>
      </c>
      <c r="C19" s="12">
        <v>0</v>
      </c>
      <c r="D19" s="12">
        <v>29873909.530000001</v>
      </c>
      <c r="E19" s="12">
        <v>29873909.530000001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</row>
    <row r="20" spans="1:14" x14ac:dyDescent="0.25">
      <c r="A20" s="2" t="s">
        <v>33</v>
      </c>
      <c r="B20" s="4" t="s">
        <v>1036</v>
      </c>
      <c r="C20" s="12">
        <v>0</v>
      </c>
      <c r="D20" s="12">
        <v>1613825.28</v>
      </c>
      <c r="E20" s="12">
        <v>1613825.28</v>
      </c>
      <c r="F20" s="12">
        <v>0</v>
      </c>
      <c r="G20" s="12">
        <v>0</v>
      </c>
      <c r="H20" s="12">
        <v>0</v>
      </c>
      <c r="I20" s="12">
        <v>20106935.5</v>
      </c>
      <c r="J20" s="12">
        <v>11376423.5</v>
      </c>
      <c r="K20" s="12">
        <v>11376423.5</v>
      </c>
      <c r="L20" s="12">
        <v>7599469.3899999997</v>
      </c>
      <c r="M20" s="12">
        <v>1131042.6100000001</v>
      </c>
      <c r="N20" s="12">
        <v>1131042.6100000001</v>
      </c>
    </row>
    <row r="21" spans="1:14" x14ac:dyDescent="0.25">
      <c r="A21" s="3" t="s">
        <v>35</v>
      </c>
      <c r="B21" s="5" t="s">
        <v>1037</v>
      </c>
      <c r="C21" s="11">
        <v>826263.92</v>
      </c>
      <c r="D21" s="11">
        <v>68113.03</v>
      </c>
      <c r="E21" s="11">
        <v>894376.95</v>
      </c>
      <c r="F21" s="11">
        <v>0</v>
      </c>
      <c r="G21" s="11">
        <v>0</v>
      </c>
      <c r="H21" s="11">
        <v>0</v>
      </c>
      <c r="I21" s="11">
        <v>25096110.82</v>
      </c>
      <c r="J21" s="11">
        <v>15264852.99</v>
      </c>
      <c r="K21" s="11">
        <v>15264852.99</v>
      </c>
      <c r="L21" s="11">
        <v>231835.44</v>
      </c>
      <c r="M21" s="11">
        <v>9599422.3900000006</v>
      </c>
      <c r="N21" s="11">
        <v>9599422.3900000006</v>
      </c>
    </row>
    <row r="22" spans="1:14" x14ac:dyDescent="0.25">
      <c r="A22" s="2" t="s">
        <v>37</v>
      </c>
      <c r="B22" s="4" t="s">
        <v>1038</v>
      </c>
      <c r="C22" s="12">
        <v>826263.92</v>
      </c>
      <c r="D22" s="12">
        <v>68113.03</v>
      </c>
      <c r="E22" s="12">
        <v>894376.95</v>
      </c>
      <c r="F22" s="12">
        <v>0</v>
      </c>
      <c r="G22" s="12">
        <v>0</v>
      </c>
      <c r="H22" s="12">
        <v>0</v>
      </c>
      <c r="I22" s="12">
        <v>18097062.329999998</v>
      </c>
      <c r="J22" s="12">
        <v>9666949.9499999993</v>
      </c>
      <c r="K22" s="12">
        <v>9666949.9499999993</v>
      </c>
      <c r="L22" s="12">
        <v>187093.7</v>
      </c>
      <c r="M22" s="12">
        <v>8243018.6799999997</v>
      </c>
      <c r="N22" s="12">
        <v>8243018.6799999997</v>
      </c>
    </row>
    <row r="23" spans="1:14" x14ac:dyDescent="0.25">
      <c r="A23" s="2" t="s">
        <v>39</v>
      </c>
      <c r="B23" s="4" t="s">
        <v>1039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6999048.4900000002</v>
      </c>
      <c r="J23" s="12">
        <v>5597903.04</v>
      </c>
      <c r="K23" s="12">
        <v>5597903.04</v>
      </c>
      <c r="L23" s="12">
        <v>44741.74</v>
      </c>
      <c r="M23" s="12">
        <v>1356403.71</v>
      </c>
      <c r="N23" s="12">
        <v>1356403.71</v>
      </c>
    </row>
    <row r="24" spans="1:14" x14ac:dyDescent="0.25">
      <c r="A24" s="2" t="s">
        <v>41</v>
      </c>
      <c r="B24" s="4" t="s">
        <v>1040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</row>
    <row r="25" spans="1:14" x14ac:dyDescent="0.25">
      <c r="A25" s="2" t="s">
        <v>43</v>
      </c>
      <c r="B25" s="4" t="s">
        <v>1041</v>
      </c>
      <c r="C25" s="12">
        <v>0</v>
      </c>
      <c r="D25" s="12">
        <v>416351.55</v>
      </c>
      <c r="E25" s="12">
        <v>416351.55</v>
      </c>
      <c r="F25" s="12">
        <v>0</v>
      </c>
      <c r="G25" s="12">
        <v>0</v>
      </c>
      <c r="H25" s="12">
        <v>0</v>
      </c>
      <c r="I25" s="12">
        <v>1370218.9</v>
      </c>
      <c r="J25" s="12">
        <v>976953.28</v>
      </c>
      <c r="K25" s="12">
        <v>976953.28</v>
      </c>
      <c r="L25" s="12">
        <v>156732.38</v>
      </c>
      <c r="M25" s="12">
        <v>236533.24</v>
      </c>
      <c r="N25" s="12">
        <v>236533.24</v>
      </c>
    </row>
    <row r="26" spans="1:14" x14ac:dyDescent="0.25">
      <c r="A26" s="3" t="s">
        <v>45</v>
      </c>
      <c r="B26" s="5" t="s">
        <v>1042</v>
      </c>
      <c r="C26" s="11">
        <v>12232076.869999999</v>
      </c>
      <c r="D26" s="11">
        <v>149734610.19999999</v>
      </c>
      <c r="E26" s="11">
        <v>153303057.91</v>
      </c>
      <c r="F26" s="11">
        <v>35806.769999999997</v>
      </c>
      <c r="G26" s="11">
        <v>8627822.3900000006</v>
      </c>
      <c r="H26" s="11">
        <v>0</v>
      </c>
      <c r="I26" s="11">
        <v>4220</v>
      </c>
      <c r="J26" s="11">
        <v>1266</v>
      </c>
      <c r="K26" s="11">
        <v>1266</v>
      </c>
      <c r="L26" s="11">
        <v>0</v>
      </c>
      <c r="M26" s="11">
        <v>2954</v>
      </c>
      <c r="N26" s="11">
        <v>8630776.3900000006</v>
      </c>
    </row>
    <row r="27" spans="1:14" x14ac:dyDescent="0.25">
      <c r="A27" s="2" t="s">
        <v>47</v>
      </c>
      <c r="B27" s="4" t="s">
        <v>1043</v>
      </c>
      <c r="C27" s="12">
        <v>8660001.3000000007</v>
      </c>
      <c r="D27" s="12">
        <v>132080339.28</v>
      </c>
      <c r="E27" s="12">
        <v>132076766.59999999</v>
      </c>
      <c r="F27" s="12">
        <v>35806.410000000003</v>
      </c>
      <c r="G27" s="12">
        <v>8627767.5700000003</v>
      </c>
      <c r="H27" s="12">
        <v>0</v>
      </c>
      <c r="I27" s="12">
        <v>4220</v>
      </c>
      <c r="J27" s="12">
        <v>1266</v>
      </c>
      <c r="K27" s="12">
        <v>1266</v>
      </c>
      <c r="L27" s="12">
        <v>0</v>
      </c>
      <c r="M27" s="12">
        <v>2954</v>
      </c>
      <c r="N27" s="12">
        <v>8630721.5700000003</v>
      </c>
    </row>
    <row r="28" spans="1:14" x14ac:dyDescent="0.25">
      <c r="A28" s="3" t="s">
        <v>49</v>
      </c>
      <c r="B28" s="5" t="s">
        <v>1044</v>
      </c>
      <c r="C28" s="11">
        <v>3572075.57</v>
      </c>
      <c r="D28" s="11">
        <v>213048.16</v>
      </c>
      <c r="E28" s="11">
        <v>3785123.73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1031</v>
      </c>
      <c r="C29" s="12">
        <v>3572075.57</v>
      </c>
      <c r="D29" s="12">
        <v>0</v>
      </c>
      <c r="E29" s="12">
        <v>3572075.57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  <c r="N29" s="12">
        <v>0</v>
      </c>
    </row>
    <row r="30" spans="1:14" x14ac:dyDescent="0.25">
      <c r="A30" s="2" t="s">
        <v>53</v>
      </c>
      <c r="B30" s="4" t="s">
        <v>1032</v>
      </c>
      <c r="C30" s="12">
        <v>0</v>
      </c>
      <c r="D30" s="12">
        <v>213048.16</v>
      </c>
      <c r="E30" s="12">
        <v>213048.16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  <c r="N30" s="12">
        <v>0</v>
      </c>
    </row>
    <row r="31" spans="1:14" x14ac:dyDescent="0.25">
      <c r="A31" s="2" t="s">
        <v>55</v>
      </c>
      <c r="B31" s="4" t="s">
        <v>1033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  <c r="N31" s="12">
        <v>0</v>
      </c>
    </row>
    <row r="32" spans="1:14" x14ac:dyDescent="0.25">
      <c r="A32" s="3" t="s">
        <v>57</v>
      </c>
      <c r="B32" s="5" t="s">
        <v>1045</v>
      </c>
      <c r="C32" s="11">
        <v>0</v>
      </c>
      <c r="D32" s="11">
        <v>15175342.26</v>
      </c>
      <c r="E32" s="11">
        <v>15175287.08</v>
      </c>
      <c r="F32" s="11">
        <v>0.36</v>
      </c>
      <c r="G32" s="11">
        <v>54.82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54.82</v>
      </c>
    </row>
    <row r="33" spans="1:14" x14ac:dyDescent="0.25">
      <c r="A33" s="2" t="s">
        <v>59</v>
      </c>
      <c r="B33" s="4" t="s">
        <v>1035</v>
      </c>
      <c r="C33" s="12">
        <v>0</v>
      </c>
      <c r="D33" s="12">
        <v>15175342.26</v>
      </c>
      <c r="E33" s="12">
        <v>15175287.08</v>
      </c>
      <c r="F33" s="12">
        <v>0.36</v>
      </c>
      <c r="G33" s="12">
        <v>54.82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  <c r="N33" s="12">
        <v>54.82</v>
      </c>
    </row>
    <row r="34" spans="1:14" x14ac:dyDescent="0.25">
      <c r="A34" s="2" t="s">
        <v>61</v>
      </c>
      <c r="B34" s="4" t="s">
        <v>1036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  <c r="N34" s="12">
        <v>0</v>
      </c>
    </row>
    <row r="35" spans="1:14" x14ac:dyDescent="0.25">
      <c r="A35" s="3" t="s">
        <v>63</v>
      </c>
      <c r="B35" s="5" t="s">
        <v>1037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1038</v>
      </c>
      <c r="C36" s="12">
        <v>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0</v>
      </c>
      <c r="J36" s="12">
        <v>0</v>
      </c>
      <c r="K36" s="12">
        <v>0</v>
      </c>
      <c r="L36" s="12">
        <v>0</v>
      </c>
      <c r="M36" s="12">
        <v>0</v>
      </c>
      <c r="N36" s="12">
        <v>0</v>
      </c>
    </row>
    <row r="37" spans="1:14" x14ac:dyDescent="0.25">
      <c r="A37" s="2" t="s">
        <v>67</v>
      </c>
      <c r="B37" s="4" t="s">
        <v>1039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0</v>
      </c>
      <c r="N37" s="12">
        <v>0</v>
      </c>
    </row>
    <row r="38" spans="1:14" x14ac:dyDescent="0.25">
      <c r="A38" s="2" t="s">
        <v>69</v>
      </c>
      <c r="B38" s="4" t="s">
        <v>1040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  <c r="N38" s="12">
        <v>0</v>
      </c>
    </row>
    <row r="39" spans="1:14" x14ac:dyDescent="0.25">
      <c r="A39" s="2" t="s">
        <v>71</v>
      </c>
      <c r="B39" s="4" t="s">
        <v>1041</v>
      </c>
      <c r="C39" s="12">
        <v>0</v>
      </c>
      <c r="D39" s="12">
        <v>2265880.5</v>
      </c>
      <c r="E39" s="12">
        <v>2265880.5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</row>
    <row r="40" spans="1:14" x14ac:dyDescent="0.25">
      <c r="A40" s="3" t="s">
        <v>73</v>
      </c>
      <c r="B40" s="5" t="s">
        <v>1046</v>
      </c>
      <c r="C40" s="11">
        <v>108136114.54000001</v>
      </c>
      <c r="D40" s="11">
        <v>432682413.23000002</v>
      </c>
      <c r="E40" s="11">
        <v>426826170.20999998</v>
      </c>
      <c r="F40" s="11">
        <v>12837634.35</v>
      </c>
      <c r="G40" s="11">
        <v>101154723.20999999</v>
      </c>
      <c r="H40" s="11">
        <v>65451832.469999999</v>
      </c>
      <c r="I40" s="11">
        <v>343114481.60000002</v>
      </c>
      <c r="J40" s="11">
        <v>201940523.15000001</v>
      </c>
      <c r="K40" s="11">
        <v>200178594.33000001</v>
      </c>
      <c r="L40" s="11">
        <v>46751667.409999996</v>
      </c>
      <c r="M40" s="11">
        <v>161636052.33000001</v>
      </c>
      <c r="N40" s="11">
        <v>262790775.53999999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1"/>
  <sheetViews>
    <sheetView showGridLines="0" workbookViewId="0"/>
  </sheetViews>
  <sheetFormatPr defaultRowHeight="15" x14ac:dyDescent="0.25"/>
  <cols>
    <col min="1" max="1" width="3.28515625" bestFit="1" customWidth="1"/>
    <col min="2" max="2" width="87.7109375" customWidth="1"/>
    <col min="3" max="4" width="20.42578125" bestFit="1" customWidth="1"/>
    <col min="5" max="5" width="19.28515625" bestFit="1" customWidth="1"/>
    <col min="6" max="6" width="16" bestFit="1" customWidth="1"/>
    <col min="7" max="7" width="19" bestFit="1" customWidth="1"/>
    <col min="8" max="8" width="16.14062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1047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1048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1049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69</v>
      </c>
      <c r="F11" s="1" t="s">
        <v>1050</v>
      </c>
    </row>
    <row r="12" spans="1:8" x14ac:dyDescent="0.25">
      <c r="A12" s="3" t="s">
        <v>17</v>
      </c>
      <c r="B12" s="5" t="s">
        <v>1051</v>
      </c>
      <c r="C12" s="11">
        <v>11668502000</v>
      </c>
      <c r="D12" s="11">
        <v>11668502000</v>
      </c>
      <c r="E12" s="11">
        <v>7771481478.1000004</v>
      </c>
      <c r="F12" s="11">
        <v>66.599999999999994</v>
      </c>
    </row>
    <row r="13" spans="1:8" x14ac:dyDescent="0.25">
      <c r="A13" s="3" t="s">
        <v>19</v>
      </c>
      <c r="B13" s="5" t="s">
        <v>1052</v>
      </c>
      <c r="C13" s="11">
        <v>9799471900</v>
      </c>
      <c r="D13" s="11">
        <v>9799471900</v>
      </c>
      <c r="E13" s="11">
        <v>6349188106.7399998</v>
      </c>
      <c r="F13" s="11">
        <v>64.790000000000006</v>
      </c>
    </row>
    <row r="14" spans="1:8" x14ac:dyDescent="0.25">
      <c r="A14" s="2" t="s">
        <v>21</v>
      </c>
      <c r="B14" s="4" t="s">
        <v>1053</v>
      </c>
      <c r="C14" s="12">
        <v>9616410000</v>
      </c>
      <c r="D14" s="12">
        <v>9616410000</v>
      </c>
      <c r="E14" s="12">
        <v>6168380122.1000004</v>
      </c>
      <c r="F14" s="12">
        <v>64.14</v>
      </c>
    </row>
    <row r="15" spans="1:8" x14ac:dyDescent="0.25">
      <c r="A15" s="2" t="s">
        <v>23</v>
      </c>
      <c r="B15" s="4" t="s">
        <v>1054</v>
      </c>
      <c r="C15" s="12">
        <v>99100800</v>
      </c>
      <c r="D15" s="12">
        <v>99100800</v>
      </c>
      <c r="E15" s="12">
        <v>119791777.45</v>
      </c>
      <c r="F15" s="12">
        <v>120.88</v>
      </c>
    </row>
    <row r="16" spans="1:8" x14ac:dyDescent="0.25">
      <c r="A16" s="2" t="s">
        <v>25</v>
      </c>
      <c r="B16" s="4" t="s">
        <v>1055</v>
      </c>
      <c r="C16" s="12">
        <v>83961100</v>
      </c>
      <c r="D16" s="12">
        <v>83961100</v>
      </c>
      <c r="E16" s="12">
        <v>61016207.189999998</v>
      </c>
      <c r="F16" s="12">
        <v>72.67</v>
      </c>
    </row>
    <row r="17" spans="1:6" x14ac:dyDescent="0.25">
      <c r="A17" s="3" t="s">
        <v>27</v>
      </c>
      <c r="B17" s="5" t="s">
        <v>1056</v>
      </c>
      <c r="C17" s="11">
        <v>182447900</v>
      </c>
      <c r="D17" s="11">
        <v>182447900</v>
      </c>
      <c r="E17" s="11">
        <v>161358224.28999999</v>
      </c>
      <c r="F17" s="11">
        <v>88.44</v>
      </c>
    </row>
    <row r="18" spans="1:6" x14ac:dyDescent="0.25">
      <c r="A18" s="2" t="s">
        <v>29</v>
      </c>
      <c r="B18" s="4" t="s">
        <v>1057</v>
      </c>
      <c r="C18" s="12">
        <v>182447900</v>
      </c>
      <c r="D18" s="12">
        <v>182447900</v>
      </c>
      <c r="E18" s="12">
        <v>160166595.33000001</v>
      </c>
      <c r="F18" s="12">
        <v>87.79</v>
      </c>
    </row>
    <row r="19" spans="1:6" x14ac:dyDescent="0.25">
      <c r="A19" s="2" t="s">
        <v>31</v>
      </c>
      <c r="B19" s="4" t="s">
        <v>1058</v>
      </c>
      <c r="C19" s="12">
        <v>0</v>
      </c>
      <c r="D19" s="12">
        <v>0</v>
      </c>
      <c r="E19" s="12">
        <v>1191628.96</v>
      </c>
      <c r="F19" s="12">
        <v>0</v>
      </c>
    </row>
    <row r="20" spans="1:6" x14ac:dyDescent="0.25">
      <c r="A20" s="3" t="s">
        <v>33</v>
      </c>
      <c r="B20" s="5" t="s">
        <v>1059</v>
      </c>
      <c r="C20" s="11">
        <v>729934800</v>
      </c>
      <c r="D20" s="11">
        <v>729934800</v>
      </c>
      <c r="E20" s="11">
        <v>670300956.03999996</v>
      </c>
      <c r="F20" s="11">
        <v>91.83</v>
      </c>
    </row>
    <row r="21" spans="1:6" x14ac:dyDescent="0.25">
      <c r="A21" s="2" t="s">
        <v>35</v>
      </c>
      <c r="B21" s="4" t="s">
        <v>1060</v>
      </c>
      <c r="C21" s="12">
        <v>682669700</v>
      </c>
      <c r="D21" s="12">
        <v>682669700</v>
      </c>
      <c r="E21" s="12">
        <v>627684894.54999995</v>
      </c>
      <c r="F21" s="12">
        <v>91.95</v>
      </c>
    </row>
    <row r="22" spans="1:6" x14ac:dyDescent="0.25">
      <c r="A22" s="2" t="s">
        <v>37</v>
      </c>
      <c r="B22" s="4" t="s">
        <v>1061</v>
      </c>
      <c r="C22" s="12">
        <v>47265100</v>
      </c>
      <c r="D22" s="12">
        <v>47265100</v>
      </c>
      <c r="E22" s="12">
        <v>42616061.490000002</v>
      </c>
      <c r="F22" s="12">
        <v>90.16</v>
      </c>
    </row>
    <row r="23" spans="1:6" x14ac:dyDescent="0.25">
      <c r="A23" s="2" t="s">
        <v>39</v>
      </c>
      <c r="B23" s="4" t="s">
        <v>1062</v>
      </c>
      <c r="C23" s="12">
        <v>956647400</v>
      </c>
      <c r="D23" s="12">
        <v>956647400</v>
      </c>
      <c r="E23" s="12">
        <v>590634191.02999997</v>
      </c>
      <c r="F23" s="12">
        <v>61.74</v>
      </c>
    </row>
    <row r="24" spans="1:6" x14ac:dyDescent="0.25">
      <c r="A24" s="3" t="s">
        <v>41</v>
      </c>
      <c r="B24" s="5" t="s">
        <v>1063</v>
      </c>
      <c r="C24" s="11">
        <v>1352553300</v>
      </c>
      <c r="D24" s="11">
        <v>1352553300</v>
      </c>
      <c r="E24" s="11">
        <v>877177728.15999997</v>
      </c>
      <c r="F24" s="11">
        <v>119.16</v>
      </c>
    </row>
    <row r="25" spans="1:6" x14ac:dyDescent="0.25">
      <c r="A25" s="2" t="s">
        <v>43</v>
      </c>
      <c r="B25" s="4" t="s">
        <v>1064</v>
      </c>
      <c r="C25" s="12">
        <v>1227705300</v>
      </c>
      <c r="D25" s="12">
        <v>1227705300</v>
      </c>
      <c r="E25" s="12">
        <v>821548298.59000003</v>
      </c>
      <c r="F25" s="12">
        <v>66.92</v>
      </c>
    </row>
    <row r="26" spans="1:6" x14ac:dyDescent="0.25">
      <c r="A26" s="2" t="s">
        <v>45</v>
      </c>
      <c r="B26" s="4" t="s">
        <v>1065</v>
      </c>
      <c r="C26" s="12">
        <v>18350000</v>
      </c>
      <c r="D26" s="12">
        <v>18350000</v>
      </c>
      <c r="E26" s="12">
        <v>0</v>
      </c>
      <c r="F26" s="12">
        <v>0</v>
      </c>
    </row>
    <row r="27" spans="1:6" x14ac:dyDescent="0.25">
      <c r="A27" s="2" t="s">
        <v>47</v>
      </c>
      <c r="B27" s="4" t="s">
        <v>1066</v>
      </c>
      <c r="C27" s="12">
        <v>106498000</v>
      </c>
      <c r="D27" s="12">
        <v>106498000</v>
      </c>
      <c r="E27" s="12">
        <v>55629429.57</v>
      </c>
      <c r="F27" s="12">
        <v>52.24</v>
      </c>
    </row>
    <row r="28" spans="1:6" x14ac:dyDescent="0.25">
      <c r="A28" s="2" t="s">
        <v>49</v>
      </c>
      <c r="B28" s="4" t="s">
        <v>1067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3" t="s">
        <v>51</v>
      </c>
      <c r="B29" s="5" t="s">
        <v>1068</v>
      </c>
      <c r="C29" s="11">
        <v>2820469600</v>
      </c>
      <c r="D29" s="11">
        <v>2820469600</v>
      </c>
      <c r="E29" s="11">
        <v>1921100811</v>
      </c>
      <c r="F29" s="11">
        <v>208.79</v>
      </c>
    </row>
    <row r="30" spans="1:6" x14ac:dyDescent="0.25">
      <c r="A30" s="2" t="s">
        <v>53</v>
      </c>
      <c r="B30" s="4" t="s">
        <v>1069</v>
      </c>
      <c r="C30" s="12">
        <v>2428877700</v>
      </c>
      <c r="D30" s="12">
        <v>2428877700</v>
      </c>
      <c r="E30" s="12">
        <v>1572042974.99</v>
      </c>
      <c r="F30" s="12">
        <v>64.72</v>
      </c>
    </row>
    <row r="31" spans="1:6" x14ac:dyDescent="0.25">
      <c r="A31" s="2" t="s">
        <v>55</v>
      </c>
      <c r="B31" s="4" t="s">
        <v>1070</v>
      </c>
      <c r="C31" s="12">
        <v>364967400</v>
      </c>
      <c r="D31" s="12">
        <v>364967400</v>
      </c>
      <c r="E31" s="12">
        <v>335150478.50999999</v>
      </c>
      <c r="F31" s="12">
        <v>91.83</v>
      </c>
    </row>
    <row r="32" spans="1:6" x14ac:dyDescent="0.25">
      <c r="A32" s="2" t="s">
        <v>57</v>
      </c>
      <c r="B32" s="4" t="s">
        <v>1071</v>
      </c>
      <c r="C32" s="12">
        <v>26624500</v>
      </c>
      <c r="D32" s="12">
        <v>26624500</v>
      </c>
      <c r="E32" s="12">
        <v>13907357.5</v>
      </c>
      <c r="F32" s="12">
        <v>52.24</v>
      </c>
    </row>
    <row r="33" spans="1:6" x14ac:dyDescent="0.25">
      <c r="A33" s="3" t="s">
        <v>59</v>
      </c>
      <c r="B33" s="5" t="s">
        <v>1072</v>
      </c>
      <c r="C33" s="11">
        <v>10200585700</v>
      </c>
      <c r="D33" s="11">
        <v>10200585700</v>
      </c>
      <c r="E33" s="11">
        <v>6727558395.2600002</v>
      </c>
      <c r="F33" s="11">
        <v>65.95</v>
      </c>
    </row>
    <row r="35" spans="1:6" x14ac:dyDescent="0.25">
      <c r="A35" s="10" t="s">
        <v>6</v>
      </c>
      <c r="B35" s="10" t="s">
        <v>1073</v>
      </c>
      <c r="C35" s="10" t="s">
        <v>9</v>
      </c>
      <c r="D35" s="10" t="s">
        <v>10</v>
      </c>
      <c r="E35" s="10" t="s">
        <v>11</v>
      </c>
      <c r="F35" s="10" t="s">
        <v>11</v>
      </c>
    </row>
    <row r="36" spans="1:6" ht="21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" t="s">
        <v>369</v>
      </c>
      <c r="F36" s="1" t="s">
        <v>1050</v>
      </c>
    </row>
    <row r="37" spans="1:6" x14ac:dyDescent="0.25">
      <c r="A37" s="2" t="s">
        <v>61</v>
      </c>
      <c r="B37" s="4" t="s">
        <v>1074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63</v>
      </c>
      <c r="B38" s="5" t="s">
        <v>1075</v>
      </c>
      <c r="C38" s="11">
        <v>93543900</v>
      </c>
      <c r="D38" s="11">
        <v>93543900</v>
      </c>
      <c r="E38" s="11">
        <v>44623905.719999999</v>
      </c>
      <c r="F38" s="11">
        <v>47.7</v>
      </c>
    </row>
    <row r="39" spans="1:6" x14ac:dyDescent="0.25">
      <c r="A39" s="2" t="s">
        <v>65</v>
      </c>
      <c r="B39" s="4" t="s">
        <v>1076</v>
      </c>
      <c r="C39" s="12">
        <v>67323000</v>
      </c>
      <c r="D39" s="12">
        <v>67323000</v>
      </c>
      <c r="E39" s="12">
        <v>31765053.829999998</v>
      </c>
      <c r="F39" s="12">
        <v>47.18</v>
      </c>
    </row>
    <row r="40" spans="1:6" x14ac:dyDescent="0.25">
      <c r="A40" s="2" t="s">
        <v>67</v>
      </c>
      <c r="B40" s="4" t="s">
        <v>1077</v>
      </c>
      <c r="C40" s="12">
        <v>0</v>
      </c>
      <c r="D40" s="12">
        <v>0</v>
      </c>
      <c r="E40" s="12">
        <v>1000</v>
      </c>
      <c r="F40" s="12">
        <v>0</v>
      </c>
    </row>
    <row r="41" spans="1:6" x14ac:dyDescent="0.25">
      <c r="A41" s="2" t="s">
        <v>69</v>
      </c>
      <c r="B41" s="4" t="s">
        <v>1078</v>
      </c>
      <c r="C41" s="12">
        <v>10073000</v>
      </c>
      <c r="D41" s="12">
        <v>10073000</v>
      </c>
      <c r="E41" s="12">
        <v>12413625.460000001</v>
      </c>
      <c r="F41" s="12">
        <v>123.24</v>
      </c>
    </row>
    <row r="42" spans="1:6" x14ac:dyDescent="0.25">
      <c r="A42" s="2" t="s">
        <v>71</v>
      </c>
      <c r="B42" s="4" t="s">
        <v>1079</v>
      </c>
      <c r="C42" s="12">
        <v>0</v>
      </c>
      <c r="D42" s="12">
        <v>0</v>
      </c>
      <c r="E42" s="12">
        <v>0</v>
      </c>
      <c r="F42" s="12">
        <v>0</v>
      </c>
    </row>
    <row r="43" spans="1:6" x14ac:dyDescent="0.25">
      <c r="A43" s="2" t="s">
        <v>73</v>
      </c>
      <c r="B43" s="4" t="s">
        <v>1080</v>
      </c>
      <c r="C43" s="12">
        <v>12785400</v>
      </c>
      <c r="D43" s="12">
        <v>12785400</v>
      </c>
      <c r="E43" s="12">
        <v>0</v>
      </c>
      <c r="F43" s="12">
        <v>0</v>
      </c>
    </row>
    <row r="44" spans="1:6" x14ac:dyDescent="0.25">
      <c r="A44" s="2" t="s">
        <v>75</v>
      </c>
      <c r="B44" s="4" t="s">
        <v>1081</v>
      </c>
      <c r="C44" s="12">
        <v>3362500</v>
      </c>
      <c r="D44" s="12">
        <v>3362500</v>
      </c>
      <c r="E44" s="12">
        <v>444226.43</v>
      </c>
      <c r="F44" s="12">
        <v>13.21</v>
      </c>
    </row>
    <row r="45" spans="1:6" x14ac:dyDescent="0.25">
      <c r="A45" s="3" t="s">
        <v>77</v>
      </c>
      <c r="B45" s="5" t="s">
        <v>1082</v>
      </c>
      <c r="C45" s="11">
        <v>20929200</v>
      </c>
      <c r="D45" s="11">
        <v>47329200</v>
      </c>
      <c r="E45" s="11">
        <v>11296013.560000001</v>
      </c>
      <c r="F45" s="11">
        <v>23.87</v>
      </c>
    </row>
    <row r="46" spans="1:6" x14ac:dyDescent="0.25">
      <c r="A46" s="2" t="s">
        <v>79</v>
      </c>
      <c r="B46" s="4" t="s">
        <v>1083</v>
      </c>
      <c r="C46" s="12">
        <v>20929200</v>
      </c>
      <c r="D46" s="12">
        <v>47329200</v>
      </c>
      <c r="E46" s="12">
        <v>11296013.560000001</v>
      </c>
      <c r="F46" s="12">
        <v>23.87</v>
      </c>
    </row>
    <row r="47" spans="1:6" x14ac:dyDescent="0.25">
      <c r="A47" s="2" t="s">
        <v>81</v>
      </c>
      <c r="B47" s="4" t="s">
        <v>1084</v>
      </c>
      <c r="C47" s="12">
        <v>0</v>
      </c>
      <c r="D47" s="12">
        <v>0</v>
      </c>
      <c r="E47" s="12">
        <v>0</v>
      </c>
      <c r="F47" s="12">
        <v>0</v>
      </c>
    </row>
    <row r="48" spans="1:6" x14ac:dyDescent="0.25">
      <c r="A48" s="2" t="s">
        <v>83</v>
      </c>
      <c r="B48" s="4" t="s">
        <v>1085</v>
      </c>
      <c r="C48" s="12">
        <v>0</v>
      </c>
      <c r="D48" s="12">
        <v>0</v>
      </c>
      <c r="E48" s="12">
        <v>0</v>
      </c>
      <c r="F48" s="12">
        <v>0</v>
      </c>
    </row>
    <row r="49" spans="1:6" x14ac:dyDescent="0.25">
      <c r="A49" s="2" t="s">
        <v>85</v>
      </c>
      <c r="B49" s="4" t="s">
        <v>1086</v>
      </c>
      <c r="C49" s="12">
        <v>0</v>
      </c>
      <c r="D49" s="12">
        <v>0</v>
      </c>
      <c r="E49" s="12">
        <v>0</v>
      </c>
      <c r="F49" s="12">
        <v>0</v>
      </c>
    </row>
    <row r="50" spans="1:6" x14ac:dyDescent="0.25">
      <c r="A50" s="3" t="s">
        <v>87</v>
      </c>
      <c r="B50" s="5" t="s">
        <v>1087</v>
      </c>
      <c r="C50" s="11">
        <v>114473100</v>
      </c>
      <c r="D50" s="11">
        <v>140873100</v>
      </c>
      <c r="E50" s="11">
        <v>55919919.280000001</v>
      </c>
      <c r="F50" s="11">
        <v>39.700000000000003</v>
      </c>
    </row>
    <row r="52" spans="1:6" x14ac:dyDescent="0.25">
      <c r="A52" s="10" t="s">
        <v>6</v>
      </c>
      <c r="B52" s="10" t="s">
        <v>1088</v>
      </c>
      <c r="C52" s="10" t="s">
        <v>9</v>
      </c>
      <c r="D52" s="10" t="s">
        <v>10</v>
      </c>
      <c r="E52" s="10" t="s">
        <v>11</v>
      </c>
      <c r="F52" s="10" t="s">
        <v>11</v>
      </c>
    </row>
    <row r="53" spans="1:6" ht="21" x14ac:dyDescent="0.25">
      <c r="A53" s="10" t="s">
        <v>7</v>
      </c>
      <c r="B53" s="10" t="s">
        <v>7</v>
      </c>
      <c r="C53" s="10" t="s">
        <v>7</v>
      </c>
      <c r="D53" s="10" t="s">
        <v>7</v>
      </c>
      <c r="E53" s="1" t="s">
        <v>369</v>
      </c>
      <c r="F53" s="1" t="s">
        <v>1050</v>
      </c>
    </row>
    <row r="54" spans="1:6" x14ac:dyDescent="0.25">
      <c r="A54" s="3" t="s">
        <v>89</v>
      </c>
      <c r="B54" s="5" t="s">
        <v>1089</v>
      </c>
      <c r="C54" s="11">
        <v>1848787700</v>
      </c>
      <c r="D54" s="11">
        <v>1848787700</v>
      </c>
      <c r="E54" s="11">
        <v>1227384840.8699999</v>
      </c>
      <c r="F54" s="11">
        <v>66.39</v>
      </c>
    </row>
    <row r="55" spans="1:6" x14ac:dyDescent="0.25">
      <c r="A55" s="2" t="s">
        <v>91</v>
      </c>
      <c r="B55" s="4" t="s">
        <v>1090</v>
      </c>
      <c r="C55" s="12">
        <v>1474118800</v>
      </c>
      <c r="D55" s="12">
        <v>1474118800</v>
      </c>
      <c r="E55" s="12">
        <v>955429026.42999995</v>
      </c>
      <c r="F55" s="12">
        <v>64.81</v>
      </c>
    </row>
    <row r="56" spans="1:6" x14ac:dyDescent="0.25">
      <c r="A56" s="2" t="s">
        <v>93</v>
      </c>
      <c r="B56" s="4" t="s">
        <v>1091</v>
      </c>
      <c r="C56" s="12">
        <v>36489600</v>
      </c>
      <c r="D56" s="12">
        <v>36489600</v>
      </c>
      <c r="E56" s="12">
        <v>32271644.920000002</v>
      </c>
      <c r="F56" s="12">
        <v>88.44</v>
      </c>
    </row>
    <row r="57" spans="1:6" x14ac:dyDescent="0.25">
      <c r="A57" s="2" t="s">
        <v>95</v>
      </c>
      <c r="B57" s="4" t="s">
        <v>1092</v>
      </c>
      <c r="C57" s="12">
        <v>72993500</v>
      </c>
      <c r="D57" s="12">
        <v>72993500</v>
      </c>
      <c r="E57" s="12">
        <v>67030095.659999996</v>
      </c>
      <c r="F57" s="12">
        <v>91.83</v>
      </c>
    </row>
    <row r="58" spans="1:6" x14ac:dyDescent="0.25">
      <c r="A58" s="2" t="s">
        <v>97</v>
      </c>
      <c r="B58" s="4" t="s">
        <v>1093</v>
      </c>
      <c r="C58" s="12">
        <v>245541100</v>
      </c>
      <c r="D58" s="12">
        <v>245541100</v>
      </c>
      <c r="E58" s="12">
        <v>164309659.53</v>
      </c>
      <c r="F58" s="12">
        <v>66.92</v>
      </c>
    </row>
    <row r="59" spans="1:6" x14ac:dyDescent="0.25">
      <c r="A59" s="2" t="s">
        <v>99</v>
      </c>
      <c r="B59" s="4" t="s">
        <v>1094</v>
      </c>
      <c r="C59" s="12">
        <v>3670000</v>
      </c>
      <c r="D59" s="12">
        <v>3670000</v>
      </c>
      <c r="E59" s="12">
        <v>0</v>
      </c>
      <c r="F59" s="12">
        <v>0</v>
      </c>
    </row>
    <row r="60" spans="1:6" x14ac:dyDescent="0.25">
      <c r="A60" s="2" t="s">
        <v>101</v>
      </c>
      <c r="B60" s="4" t="s">
        <v>1095</v>
      </c>
      <c r="C60" s="12">
        <v>15974700</v>
      </c>
      <c r="D60" s="12">
        <v>15974700</v>
      </c>
      <c r="E60" s="12">
        <v>8344414.3300000001</v>
      </c>
      <c r="F60" s="12">
        <v>52.24</v>
      </c>
    </row>
    <row r="61" spans="1:6" x14ac:dyDescent="0.25">
      <c r="A61" s="3" t="s">
        <v>103</v>
      </c>
      <c r="B61" s="5" t="s">
        <v>1096</v>
      </c>
      <c r="C61" s="11">
        <v>1162234200</v>
      </c>
      <c r="D61" s="11">
        <v>1162234200</v>
      </c>
      <c r="E61" s="11">
        <v>723138283.32000005</v>
      </c>
      <c r="F61" s="11">
        <v>62.22</v>
      </c>
    </row>
    <row r="62" spans="1:6" x14ac:dyDescent="0.25">
      <c r="A62" s="2" t="s">
        <v>105</v>
      </c>
      <c r="B62" s="4" t="s">
        <v>1097</v>
      </c>
      <c r="C62" s="12">
        <v>1162234200</v>
      </c>
      <c r="D62" s="12">
        <v>1162234200</v>
      </c>
      <c r="E62" s="12">
        <v>722563524.76999998</v>
      </c>
      <c r="F62" s="12">
        <v>62.17</v>
      </c>
    </row>
    <row r="63" spans="1:6" x14ac:dyDescent="0.25">
      <c r="A63" s="2" t="s">
        <v>107</v>
      </c>
      <c r="B63" s="4" t="s">
        <v>1098</v>
      </c>
      <c r="C63" s="12">
        <v>0</v>
      </c>
      <c r="D63" s="12">
        <v>0</v>
      </c>
      <c r="E63" s="12">
        <v>0</v>
      </c>
      <c r="F63" s="12">
        <v>0</v>
      </c>
    </row>
    <row r="64" spans="1:6" x14ac:dyDescent="0.25">
      <c r="A64" s="2" t="s">
        <v>109</v>
      </c>
      <c r="B64" s="4" t="s">
        <v>1099</v>
      </c>
      <c r="C64" s="12">
        <v>0</v>
      </c>
      <c r="D64" s="12">
        <v>0</v>
      </c>
      <c r="E64" s="12">
        <v>574758.55000000005</v>
      </c>
      <c r="F64" s="12">
        <v>0</v>
      </c>
    </row>
    <row r="65" spans="1:8" x14ac:dyDescent="0.25">
      <c r="A65" s="2" t="s">
        <v>111</v>
      </c>
      <c r="B65" s="4" t="s">
        <v>1100</v>
      </c>
      <c r="C65" s="12">
        <v>-686553500</v>
      </c>
      <c r="D65" s="12">
        <v>-686553500</v>
      </c>
      <c r="E65" s="12">
        <v>-504821316.10000002</v>
      </c>
      <c r="F65" s="12">
        <v>73.53</v>
      </c>
    </row>
    <row r="67" spans="1:8" x14ac:dyDescent="0.25">
      <c r="A67" s="10" t="s">
        <v>6</v>
      </c>
      <c r="B67" s="10" t="s">
        <v>1101</v>
      </c>
      <c r="C67" s="10" t="s">
        <v>461</v>
      </c>
    </row>
    <row r="68" spans="1:8" x14ac:dyDescent="0.25">
      <c r="A68" s="10" t="s">
        <v>7</v>
      </c>
      <c r="B68" s="10" t="s">
        <v>7</v>
      </c>
      <c r="C68" s="10" t="s">
        <v>7</v>
      </c>
    </row>
    <row r="69" spans="1:8" x14ac:dyDescent="0.25">
      <c r="A69" s="2" t="s">
        <v>113</v>
      </c>
      <c r="B69" s="4" t="s">
        <v>1102</v>
      </c>
      <c r="C69" s="12">
        <v>0</v>
      </c>
    </row>
    <row r="70" spans="1:8" x14ac:dyDescent="0.25">
      <c r="A70" s="2" t="s">
        <v>115</v>
      </c>
      <c r="B70" s="4" t="s">
        <v>1103</v>
      </c>
      <c r="C70" s="12">
        <v>-504821316.10000002</v>
      </c>
    </row>
    <row r="72" spans="1:8" x14ac:dyDescent="0.25">
      <c r="A72" s="10" t="s">
        <v>6</v>
      </c>
      <c r="B72" s="10" t="s">
        <v>1104</v>
      </c>
      <c r="C72" s="10" t="s">
        <v>395</v>
      </c>
      <c r="D72" s="10" t="s">
        <v>1105</v>
      </c>
      <c r="E72" s="10" t="s">
        <v>168</v>
      </c>
      <c r="F72" s="10" t="s">
        <v>7</v>
      </c>
      <c r="G72" s="10" t="s">
        <v>172</v>
      </c>
      <c r="H72" s="10" t="s">
        <v>172</v>
      </c>
    </row>
    <row r="73" spans="1:8" ht="21" x14ac:dyDescent="0.25">
      <c r="A73" s="10" t="s">
        <v>7</v>
      </c>
      <c r="B73" s="10" t="s">
        <v>7</v>
      </c>
      <c r="C73" s="10" t="s">
        <v>7</v>
      </c>
      <c r="D73" s="10" t="s">
        <v>7</v>
      </c>
      <c r="E73" s="1" t="s">
        <v>494</v>
      </c>
      <c r="F73" s="1" t="s">
        <v>1106</v>
      </c>
      <c r="G73" s="1" t="s">
        <v>1107</v>
      </c>
      <c r="H73" s="1" t="s">
        <v>1108</v>
      </c>
    </row>
    <row r="74" spans="1:8" x14ac:dyDescent="0.25">
      <c r="A74" s="3" t="s">
        <v>117</v>
      </c>
      <c r="B74" s="5" t="s">
        <v>1109</v>
      </c>
      <c r="C74" s="11">
        <v>1145695000</v>
      </c>
      <c r="D74" s="11">
        <v>1145695000</v>
      </c>
      <c r="E74" s="11">
        <v>688682981.75999999</v>
      </c>
      <c r="F74" s="11">
        <v>60.11</v>
      </c>
      <c r="G74" s="11">
        <v>688682981.75</v>
      </c>
      <c r="H74" s="11">
        <v>60.11</v>
      </c>
    </row>
    <row r="75" spans="1:8" x14ac:dyDescent="0.25">
      <c r="A75" s="2" t="s">
        <v>119</v>
      </c>
      <c r="B75" s="4" t="s">
        <v>1110</v>
      </c>
      <c r="C75" s="12">
        <v>687417000</v>
      </c>
      <c r="D75" s="12">
        <v>687417000</v>
      </c>
      <c r="E75" s="12">
        <v>413209789.06</v>
      </c>
      <c r="F75" s="12">
        <v>60.11</v>
      </c>
      <c r="G75" s="12">
        <v>413209789.05000001</v>
      </c>
      <c r="H75" s="12">
        <v>60.11</v>
      </c>
    </row>
    <row r="76" spans="1:8" x14ac:dyDescent="0.25">
      <c r="A76" s="2" t="s">
        <v>120</v>
      </c>
      <c r="B76" s="4" t="s">
        <v>1111</v>
      </c>
      <c r="C76" s="12">
        <v>458278000</v>
      </c>
      <c r="D76" s="12">
        <v>458278000</v>
      </c>
      <c r="E76" s="12">
        <v>275473192.69999999</v>
      </c>
      <c r="F76" s="12">
        <v>60.11</v>
      </c>
      <c r="G76" s="12">
        <v>275473192.69999999</v>
      </c>
      <c r="H76" s="12">
        <v>60.11</v>
      </c>
    </row>
    <row r="77" spans="1:8" x14ac:dyDescent="0.25">
      <c r="A77" s="3" t="s">
        <v>121</v>
      </c>
      <c r="B77" s="5" t="s">
        <v>1112</v>
      </c>
      <c r="C77" s="11">
        <v>16539200</v>
      </c>
      <c r="D77" s="11">
        <v>16539200</v>
      </c>
      <c r="E77" s="11">
        <v>10765256.130000001</v>
      </c>
      <c r="F77" s="11">
        <v>65.09</v>
      </c>
      <c r="G77" s="11">
        <v>10215578.33</v>
      </c>
      <c r="H77" s="11">
        <v>61.77</v>
      </c>
    </row>
    <row r="78" spans="1:8" x14ac:dyDescent="0.25">
      <c r="A78" s="2" t="s">
        <v>122</v>
      </c>
      <c r="B78" s="4" t="s">
        <v>1113</v>
      </c>
      <c r="C78" s="12">
        <v>16539200</v>
      </c>
      <c r="D78" s="12">
        <v>16539200</v>
      </c>
      <c r="E78" s="12">
        <v>10765256.130000001</v>
      </c>
      <c r="F78" s="12">
        <v>65.09</v>
      </c>
      <c r="G78" s="12">
        <v>10215578.33</v>
      </c>
      <c r="H78" s="12">
        <v>61.77</v>
      </c>
    </row>
    <row r="79" spans="1:8" x14ac:dyDescent="0.25">
      <c r="A79" s="2" t="s">
        <v>123</v>
      </c>
      <c r="B79" s="4" t="s">
        <v>1114</v>
      </c>
      <c r="C79" s="12">
        <v>0</v>
      </c>
      <c r="D79" s="12">
        <v>0</v>
      </c>
      <c r="E79" s="12">
        <v>0</v>
      </c>
      <c r="F79" s="12">
        <v>0</v>
      </c>
      <c r="G79" s="12">
        <v>0</v>
      </c>
      <c r="H79" s="12">
        <v>0</v>
      </c>
    </row>
    <row r="80" spans="1:8" x14ac:dyDescent="0.25">
      <c r="A80" s="3" t="s">
        <v>124</v>
      </c>
      <c r="B80" s="5" t="s">
        <v>1115</v>
      </c>
      <c r="C80" s="11">
        <v>1162234200</v>
      </c>
      <c r="D80" s="11">
        <v>1162234200</v>
      </c>
      <c r="E80" s="11">
        <v>699448237.88999999</v>
      </c>
      <c r="F80" s="11">
        <v>60.18</v>
      </c>
      <c r="G80" s="11">
        <v>698898560.08000004</v>
      </c>
      <c r="H80" s="11">
        <v>60.13</v>
      </c>
    </row>
    <row r="82" spans="1:3" x14ac:dyDescent="0.25">
      <c r="A82" s="10" t="s">
        <v>6</v>
      </c>
      <c r="B82" s="10" t="s">
        <v>1116</v>
      </c>
      <c r="C82" s="10" t="s">
        <v>461</v>
      </c>
    </row>
    <row r="83" spans="1:3" x14ac:dyDescent="0.25">
      <c r="A83" s="10" t="s">
        <v>7</v>
      </c>
      <c r="B83" s="10" t="s">
        <v>7</v>
      </c>
      <c r="C83" s="10" t="s">
        <v>7</v>
      </c>
    </row>
    <row r="84" spans="1:3" x14ac:dyDescent="0.25">
      <c r="A84" s="3" t="s">
        <v>125</v>
      </c>
      <c r="B84" s="5" t="s">
        <v>1117</v>
      </c>
      <c r="C84" s="11">
        <v>0</v>
      </c>
    </row>
    <row r="85" spans="1:3" x14ac:dyDescent="0.25">
      <c r="A85" s="2" t="s">
        <v>126</v>
      </c>
      <c r="B85" s="4" t="s">
        <v>1118</v>
      </c>
      <c r="C85" s="12">
        <v>0</v>
      </c>
    </row>
    <row r="86" spans="1:3" x14ac:dyDescent="0.25">
      <c r="A86" s="2" t="s">
        <v>127</v>
      </c>
      <c r="B86" s="4" t="s">
        <v>1119</v>
      </c>
      <c r="C86" s="12">
        <v>0</v>
      </c>
    </row>
    <row r="87" spans="1:3" x14ac:dyDescent="0.25">
      <c r="A87" s="3" t="s">
        <v>129</v>
      </c>
      <c r="B87" s="5" t="s">
        <v>1120</v>
      </c>
      <c r="C87" s="11">
        <v>0</v>
      </c>
    </row>
    <row r="88" spans="1:3" x14ac:dyDescent="0.25">
      <c r="A88" s="2" t="s">
        <v>131</v>
      </c>
      <c r="B88" s="4" t="s">
        <v>1121</v>
      </c>
      <c r="C88" s="12">
        <v>0</v>
      </c>
    </row>
    <row r="89" spans="1:3" x14ac:dyDescent="0.25">
      <c r="A89" s="2" t="s">
        <v>133</v>
      </c>
      <c r="B89" s="4" t="s">
        <v>1122</v>
      </c>
      <c r="C89" s="12">
        <v>0</v>
      </c>
    </row>
    <row r="90" spans="1:3" x14ac:dyDescent="0.25">
      <c r="A90" s="3" t="s">
        <v>135</v>
      </c>
      <c r="B90" s="5" t="s">
        <v>1123</v>
      </c>
      <c r="C90" s="11">
        <v>0</v>
      </c>
    </row>
    <row r="92" spans="1:3" x14ac:dyDescent="0.25">
      <c r="A92" s="10" t="s">
        <v>6</v>
      </c>
      <c r="B92" s="10" t="s">
        <v>1124</v>
      </c>
      <c r="C92" s="10" t="s">
        <v>461</v>
      </c>
    </row>
    <row r="93" spans="1:3" x14ac:dyDescent="0.25">
      <c r="A93" s="10" t="s">
        <v>7</v>
      </c>
      <c r="B93" s="10" t="s">
        <v>7</v>
      </c>
      <c r="C93" s="10" t="s">
        <v>7</v>
      </c>
    </row>
    <row r="94" spans="1:3" x14ac:dyDescent="0.25">
      <c r="A94" s="2" t="s">
        <v>137</v>
      </c>
      <c r="B94" s="4" t="s">
        <v>1125</v>
      </c>
      <c r="C94" s="12">
        <v>698898560.08000004</v>
      </c>
    </row>
    <row r="95" spans="1:3" x14ac:dyDescent="0.25">
      <c r="A95" s="2" t="s">
        <v>139</v>
      </c>
      <c r="B95" s="4" t="s">
        <v>1126</v>
      </c>
      <c r="C95" s="12">
        <v>95.24</v>
      </c>
    </row>
    <row r="96" spans="1:3" x14ac:dyDescent="0.25">
      <c r="A96" s="2" t="s">
        <v>141</v>
      </c>
      <c r="B96" s="4" t="s">
        <v>1127</v>
      </c>
      <c r="C96" s="12">
        <v>1.41</v>
      </c>
    </row>
    <row r="97" spans="1:8" x14ac:dyDescent="0.25">
      <c r="A97" s="2" t="s">
        <v>143</v>
      </c>
      <c r="B97" s="4" t="s">
        <v>1128</v>
      </c>
      <c r="C97" s="12">
        <v>3.35</v>
      </c>
    </row>
    <row r="99" spans="1:8" x14ac:dyDescent="0.25">
      <c r="A99" s="10" t="s">
        <v>6</v>
      </c>
      <c r="B99" s="10" t="s">
        <v>1129</v>
      </c>
      <c r="C99" s="10" t="s">
        <v>461</v>
      </c>
    </row>
    <row r="100" spans="1:8" x14ac:dyDescent="0.25">
      <c r="A100" s="10" t="s">
        <v>7</v>
      </c>
      <c r="B100" s="10" t="s">
        <v>7</v>
      </c>
      <c r="C100" s="10" t="s">
        <v>7</v>
      </c>
    </row>
    <row r="101" spans="1:8" x14ac:dyDescent="0.25">
      <c r="A101" s="2" t="s">
        <v>145</v>
      </c>
      <c r="B101" s="4" t="s">
        <v>1130</v>
      </c>
      <c r="C101" s="12">
        <v>0</v>
      </c>
    </row>
    <row r="102" spans="1:8" x14ac:dyDescent="0.25">
      <c r="A102" s="2" t="s">
        <v>147</v>
      </c>
      <c r="B102" s="4" t="s">
        <v>1131</v>
      </c>
      <c r="C102" s="12">
        <v>0</v>
      </c>
    </row>
    <row r="104" spans="1:8" x14ac:dyDescent="0.25">
      <c r="A104" s="10" t="s">
        <v>6</v>
      </c>
      <c r="B104" s="10" t="s">
        <v>1132</v>
      </c>
      <c r="C104" s="10" t="s">
        <v>395</v>
      </c>
      <c r="D104" s="10" t="s">
        <v>1105</v>
      </c>
      <c r="E104" s="10" t="s">
        <v>168</v>
      </c>
      <c r="F104" s="10" t="s">
        <v>7</v>
      </c>
      <c r="G104" s="10" t="s">
        <v>172</v>
      </c>
      <c r="H104" s="10" t="s">
        <v>172</v>
      </c>
    </row>
    <row r="105" spans="1:8" ht="21" x14ac:dyDescent="0.25">
      <c r="A105" s="10" t="s">
        <v>7</v>
      </c>
      <c r="B105" s="10" t="s">
        <v>7</v>
      </c>
      <c r="C105" s="10" t="s">
        <v>7</v>
      </c>
      <c r="D105" s="10" t="s">
        <v>7</v>
      </c>
      <c r="E105" s="1" t="s">
        <v>494</v>
      </c>
      <c r="F105" s="1" t="s">
        <v>1106</v>
      </c>
      <c r="G105" s="1" t="s">
        <v>1107</v>
      </c>
      <c r="H105" s="1" t="s">
        <v>1108</v>
      </c>
    </row>
    <row r="106" spans="1:8" x14ac:dyDescent="0.25">
      <c r="A106" s="3" t="s">
        <v>149</v>
      </c>
      <c r="B106" s="5" t="s">
        <v>1133</v>
      </c>
      <c r="C106" s="11">
        <v>0</v>
      </c>
      <c r="D106" s="11">
        <v>0</v>
      </c>
      <c r="E106" s="11">
        <v>0</v>
      </c>
      <c r="F106" s="11">
        <v>0</v>
      </c>
      <c r="G106" s="11">
        <v>0</v>
      </c>
      <c r="H106" s="11">
        <v>0</v>
      </c>
    </row>
    <row r="107" spans="1:8" x14ac:dyDescent="0.25">
      <c r="A107" s="2" t="s">
        <v>151</v>
      </c>
      <c r="B107" s="4" t="s">
        <v>1134</v>
      </c>
      <c r="C107" s="12">
        <v>0</v>
      </c>
      <c r="D107" s="12">
        <v>0</v>
      </c>
      <c r="E107" s="12">
        <v>0</v>
      </c>
      <c r="F107" s="12">
        <v>0</v>
      </c>
      <c r="G107" s="12">
        <v>0</v>
      </c>
      <c r="H107" s="12">
        <v>0</v>
      </c>
    </row>
    <row r="108" spans="1:8" x14ac:dyDescent="0.25">
      <c r="A108" s="2" t="s">
        <v>152</v>
      </c>
      <c r="B108" s="4" t="s">
        <v>1135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  <c r="H108" s="12">
        <v>0</v>
      </c>
    </row>
    <row r="109" spans="1:8" x14ac:dyDescent="0.25">
      <c r="A109" s="3" t="s">
        <v>153</v>
      </c>
      <c r="B109" s="5" t="s">
        <v>1136</v>
      </c>
      <c r="C109" s="11">
        <v>712277800</v>
      </c>
      <c r="D109" s="11">
        <v>712277800</v>
      </c>
      <c r="E109" s="11">
        <v>425780015.17000002</v>
      </c>
      <c r="F109" s="11">
        <v>59.78</v>
      </c>
      <c r="G109" s="11">
        <v>423947818.56</v>
      </c>
      <c r="H109" s="11">
        <v>59.52</v>
      </c>
    </row>
    <row r="110" spans="1:8" x14ac:dyDescent="0.25">
      <c r="A110" s="2" t="s">
        <v>155</v>
      </c>
      <c r="B110" s="4" t="s">
        <v>1137</v>
      </c>
      <c r="C110" s="12">
        <v>703956200</v>
      </c>
      <c r="D110" s="12">
        <v>703956200</v>
      </c>
      <c r="E110" s="12">
        <v>423975045.19</v>
      </c>
      <c r="F110" s="12">
        <v>60.23</v>
      </c>
      <c r="G110" s="12">
        <v>423425367.38</v>
      </c>
      <c r="H110" s="12">
        <v>60.15</v>
      </c>
    </row>
    <row r="111" spans="1:8" x14ac:dyDescent="0.25">
      <c r="A111" s="2" t="s">
        <v>157</v>
      </c>
      <c r="B111" s="4" t="s">
        <v>1138</v>
      </c>
      <c r="C111" s="12">
        <v>8321600</v>
      </c>
      <c r="D111" s="12">
        <v>8321600</v>
      </c>
      <c r="E111" s="12">
        <v>1804969.98</v>
      </c>
      <c r="F111" s="12">
        <v>21.69</v>
      </c>
      <c r="G111" s="12">
        <v>522451.18</v>
      </c>
      <c r="H111" s="12">
        <v>6.28</v>
      </c>
    </row>
    <row r="112" spans="1:8" x14ac:dyDescent="0.25">
      <c r="A112" s="3" t="s">
        <v>159</v>
      </c>
      <c r="B112" s="5" t="s">
        <v>1139</v>
      </c>
      <c r="C112" s="11">
        <v>463106000</v>
      </c>
      <c r="D112" s="11">
        <v>463106000</v>
      </c>
      <c r="E112" s="11">
        <v>278963770.10000002</v>
      </c>
      <c r="F112" s="11">
        <v>60.24</v>
      </c>
      <c r="G112" s="11">
        <v>275473192.69999999</v>
      </c>
      <c r="H112" s="11">
        <v>59.48</v>
      </c>
    </row>
    <row r="113" spans="1:8" x14ac:dyDescent="0.25">
      <c r="A113" s="2" t="s">
        <v>161</v>
      </c>
      <c r="B113" s="4" t="s">
        <v>1140</v>
      </c>
      <c r="C113" s="12">
        <v>458278000</v>
      </c>
      <c r="D113" s="12">
        <v>458278000</v>
      </c>
      <c r="E113" s="12">
        <v>275473192.69999999</v>
      </c>
      <c r="F113" s="12">
        <v>60.11</v>
      </c>
      <c r="G113" s="12">
        <v>275473192.69999999</v>
      </c>
      <c r="H113" s="12">
        <v>60.11</v>
      </c>
    </row>
    <row r="114" spans="1:8" x14ac:dyDescent="0.25">
      <c r="A114" s="2" t="s">
        <v>163</v>
      </c>
      <c r="B114" s="4" t="s">
        <v>1141</v>
      </c>
      <c r="C114" s="12">
        <v>4828000</v>
      </c>
      <c r="D114" s="12">
        <v>4828000</v>
      </c>
      <c r="E114" s="12">
        <v>3490577.4</v>
      </c>
      <c r="F114" s="12">
        <v>72.3</v>
      </c>
      <c r="G114" s="12">
        <v>0</v>
      </c>
      <c r="H114" s="12">
        <v>0</v>
      </c>
    </row>
    <row r="115" spans="1:8" x14ac:dyDescent="0.25">
      <c r="A115" s="2" t="s">
        <v>176</v>
      </c>
      <c r="B115" s="4" t="s">
        <v>1142</v>
      </c>
      <c r="C115" s="12">
        <v>6988900</v>
      </c>
      <c r="D115" s="12">
        <v>7690710</v>
      </c>
      <c r="E115" s="12">
        <v>4850948.8899999997</v>
      </c>
      <c r="F115" s="12">
        <v>63.08</v>
      </c>
      <c r="G115" s="12">
        <v>4214147.1900000004</v>
      </c>
      <c r="H115" s="12">
        <v>54.8</v>
      </c>
    </row>
    <row r="116" spans="1:8" x14ac:dyDescent="0.25">
      <c r="A116" s="2" t="s">
        <v>178</v>
      </c>
      <c r="B116" s="4" t="s">
        <v>1143</v>
      </c>
      <c r="C116" s="12">
        <v>4111200</v>
      </c>
      <c r="D116" s="12">
        <v>4111200</v>
      </c>
      <c r="E116" s="12">
        <v>155623.35</v>
      </c>
      <c r="F116" s="12">
        <v>3.79</v>
      </c>
      <c r="G116" s="12">
        <v>99524.82</v>
      </c>
      <c r="H116" s="12">
        <v>2.42</v>
      </c>
    </row>
    <row r="117" spans="1:8" x14ac:dyDescent="0.25">
      <c r="A117" s="2" t="s">
        <v>180</v>
      </c>
      <c r="B117" s="4" t="s">
        <v>1144</v>
      </c>
      <c r="C117" s="12">
        <v>941454300</v>
      </c>
      <c r="D117" s="12">
        <v>1125909870.4000001</v>
      </c>
      <c r="E117" s="12">
        <v>896645532.92999995</v>
      </c>
      <c r="F117" s="12">
        <v>79.64</v>
      </c>
      <c r="G117" s="12">
        <v>870104760.42999995</v>
      </c>
      <c r="H117" s="12">
        <v>77.28</v>
      </c>
    </row>
    <row r="118" spans="1:8" x14ac:dyDescent="0.25">
      <c r="A118" s="3" t="s">
        <v>182</v>
      </c>
      <c r="B118" s="5" t="s">
        <v>1145</v>
      </c>
      <c r="C118" s="11">
        <v>2127938200</v>
      </c>
      <c r="D118" s="11">
        <v>2313095580.4000001</v>
      </c>
      <c r="E118" s="11">
        <v>1606395890.4400001</v>
      </c>
      <c r="F118" s="11">
        <v>69.45</v>
      </c>
      <c r="G118" s="11">
        <v>1573839443.7</v>
      </c>
      <c r="H118" s="11">
        <v>68.040000000000006</v>
      </c>
    </row>
    <row r="120" spans="1:8" x14ac:dyDescent="0.25">
      <c r="A120" s="10" t="s">
        <v>6</v>
      </c>
      <c r="B120" s="10" t="s">
        <v>1146</v>
      </c>
      <c r="C120" s="10" t="s">
        <v>461</v>
      </c>
    </row>
    <row r="121" spans="1:8" x14ac:dyDescent="0.25">
      <c r="A121" s="10" t="s">
        <v>7</v>
      </c>
      <c r="B121" s="10" t="s">
        <v>7</v>
      </c>
      <c r="C121" s="10" t="s">
        <v>7</v>
      </c>
    </row>
    <row r="122" spans="1:8" x14ac:dyDescent="0.25">
      <c r="A122" s="2" t="s">
        <v>184</v>
      </c>
      <c r="B122" s="4" t="s">
        <v>1147</v>
      </c>
      <c r="C122" s="12">
        <v>-504821316.10000002</v>
      </c>
    </row>
    <row r="123" spans="1:8" x14ac:dyDescent="0.25">
      <c r="A123" s="2" t="s">
        <v>186</v>
      </c>
      <c r="B123" s="4" t="s">
        <v>1148</v>
      </c>
      <c r="C123" s="12">
        <v>0</v>
      </c>
    </row>
    <row r="124" spans="1:8" x14ac:dyDescent="0.25">
      <c r="A124" s="2" t="s">
        <v>188</v>
      </c>
      <c r="B124" s="4" t="s">
        <v>1149</v>
      </c>
      <c r="C124" s="12">
        <v>0</v>
      </c>
    </row>
    <row r="125" spans="1:8" x14ac:dyDescent="0.25">
      <c r="A125" s="2" t="s">
        <v>190</v>
      </c>
      <c r="B125" s="4" t="s">
        <v>1150</v>
      </c>
      <c r="C125" s="12">
        <v>0</v>
      </c>
    </row>
    <row r="126" spans="1:8" x14ac:dyDescent="0.25">
      <c r="A126" s="2" t="s">
        <v>192</v>
      </c>
      <c r="B126" s="4" t="s">
        <v>1151</v>
      </c>
      <c r="C126" s="12">
        <v>0</v>
      </c>
    </row>
    <row r="127" spans="1:8" x14ac:dyDescent="0.25">
      <c r="A127" s="2" t="s">
        <v>194</v>
      </c>
      <c r="B127" s="4" t="s">
        <v>1152</v>
      </c>
      <c r="C127" s="12">
        <v>16381004.76</v>
      </c>
    </row>
    <row r="128" spans="1:8" x14ac:dyDescent="0.25">
      <c r="A128" s="3" t="s">
        <v>196</v>
      </c>
      <c r="B128" s="5" t="s">
        <v>1153</v>
      </c>
      <c r="C128" s="11">
        <v>-488440311.33999997</v>
      </c>
    </row>
    <row r="129" spans="1:8" x14ac:dyDescent="0.25">
      <c r="A129" s="2" t="s">
        <v>198</v>
      </c>
      <c r="B129" s="4" t="s">
        <v>1154</v>
      </c>
      <c r="C129" s="12">
        <v>2062279755.04</v>
      </c>
    </row>
    <row r="130" spans="1:8" x14ac:dyDescent="0.25">
      <c r="A130" s="2" t="s">
        <v>200</v>
      </c>
      <c r="B130" s="4" t="s">
        <v>1155</v>
      </c>
      <c r="C130" s="12">
        <v>30.65</v>
      </c>
    </row>
    <row r="132" spans="1:8" x14ac:dyDescent="0.25">
      <c r="A132" s="10" t="s">
        <v>6</v>
      </c>
      <c r="B132" s="10" t="s">
        <v>1156</v>
      </c>
      <c r="C132" s="10" t="s">
        <v>395</v>
      </c>
      <c r="D132" s="10" t="s">
        <v>1105</v>
      </c>
      <c r="E132" s="10" t="s">
        <v>168</v>
      </c>
      <c r="F132" s="10" t="s">
        <v>7</v>
      </c>
      <c r="G132" s="10" t="s">
        <v>172</v>
      </c>
      <c r="H132" s="10" t="s">
        <v>172</v>
      </c>
    </row>
    <row r="133" spans="1:8" ht="21" x14ac:dyDescent="0.25">
      <c r="A133" s="10" t="s">
        <v>7</v>
      </c>
      <c r="B133" s="10" t="s">
        <v>7</v>
      </c>
      <c r="C133" s="10" t="s">
        <v>7</v>
      </c>
      <c r="D133" s="10" t="s">
        <v>7</v>
      </c>
      <c r="E133" s="1" t="s">
        <v>494</v>
      </c>
      <c r="F133" s="1" t="s">
        <v>1106</v>
      </c>
      <c r="G133" s="1" t="s">
        <v>1157</v>
      </c>
      <c r="H133" s="1" t="s">
        <v>1108</v>
      </c>
    </row>
    <row r="134" spans="1:8" x14ac:dyDescent="0.25">
      <c r="A134" s="2" t="s">
        <v>202</v>
      </c>
      <c r="B134" s="4" t="s">
        <v>1158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</row>
    <row r="135" spans="1:8" x14ac:dyDescent="0.25">
      <c r="A135" s="2" t="s">
        <v>204</v>
      </c>
      <c r="B135" s="4" t="s">
        <v>1159</v>
      </c>
      <c r="C135" s="12">
        <v>70685500</v>
      </c>
      <c r="D135" s="12">
        <v>70685500</v>
      </c>
      <c r="E135" s="12">
        <v>47935261.729999997</v>
      </c>
      <c r="F135" s="12">
        <v>67.81</v>
      </c>
      <c r="G135" s="12">
        <v>42259590.329999998</v>
      </c>
      <c r="H135" s="12">
        <v>59.79</v>
      </c>
    </row>
    <row r="136" spans="1:8" x14ac:dyDescent="0.25">
      <c r="A136" s="2" t="s">
        <v>206</v>
      </c>
      <c r="B136" s="4" t="s">
        <v>1160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</row>
    <row r="137" spans="1:8" x14ac:dyDescent="0.25">
      <c r="A137" s="2" t="s">
        <v>208</v>
      </c>
      <c r="B137" s="4" t="s">
        <v>1161</v>
      </c>
      <c r="C137" s="12">
        <v>47004900</v>
      </c>
      <c r="D137" s="12">
        <v>73404900</v>
      </c>
      <c r="E137" s="12">
        <v>63189588.799999997</v>
      </c>
      <c r="F137" s="12">
        <v>86.08</v>
      </c>
      <c r="G137" s="12">
        <v>25680970.550000001</v>
      </c>
      <c r="H137" s="12">
        <v>34.99</v>
      </c>
    </row>
    <row r="138" spans="1:8" x14ac:dyDescent="0.25">
      <c r="A138" s="3" t="s">
        <v>210</v>
      </c>
      <c r="B138" s="5" t="s">
        <v>1162</v>
      </c>
      <c r="C138" s="11">
        <v>117690400</v>
      </c>
      <c r="D138" s="11">
        <v>144090400</v>
      </c>
      <c r="E138" s="11">
        <v>111124850.53</v>
      </c>
      <c r="F138" s="11">
        <v>77.12</v>
      </c>
      <c r="G138" s="11">
        <v>67940560.879999995</v>
      </c>
      <c r="H138" s="11">
        <v>47.15</v>
      </c>
    </row>
    <row r="139" spans="1:8" x14ac:dyDescent="0.25">
      <c r="A139" s="2" t="s">
        <v>212</v>
      </c>
      <c r="B139" s="4" t="s">
        <v>1163</v>
      </c>
      <c r="C139" s="12">
        <v>2245628600</v>
      </c>
      <c r="D139" s="12">
        <v>2457185980.4000001</v>
      </c>
      <c r="E139" s="12">
        <v>1717520740.97</v>
      </c>
      <c r="F139" s="12">
        <v>69.900000000000006</v>
      </c>
      <c r="G139" s="12">
        <v>1641780004.5799999</v>
      </c>
      <c r="H139" s="12">
        <v>66.819999999999993</v>
      </c>
    </row>
    <row r="141" spans="1:8" x14ac:dyDescent="0.25">
      <c r="A141" s="10" t="s">
        <v>6</v>
      </c>
      <c r="B141" s="10" t="s">
        <v>1164</v>
      </c>
      <c r="C141" s="10" t="s">
        <v>1165</v>
      </c>
      <c r="D141" s="10" t="s">
        <v>1166</v>
      </c>
    </row>
    <row r="142" spans="1:8" x14ac:dyDescent="0.25">
      <c r="A142" s="10" t="s">
        <v>7</v>
      </c>
      <c r="B142" s="10" t="s">
        <v>7</v>
      </c>
      <c r="C142" s="10" t="s">
        <v>7</v>
      </c>
      <c r="D142" s="10" t="s">
        <v>7</v>
      </c>
    </row>
    <row r="143" spans="1:8" x14ac:dyDescent="0.25">
      <c r="A143" s="3" t="s">
        <v>214</v>
      </c>
      <c r="B143" s="5" t="s">
        <v>1167</v>
      </c>
      <c r="C143" s="11">
        <v>9527061.6500000004</v>
      </c>
      <c r="D143" s="11">
        <v>16381004.76</v>
      </c>
    </row>
    <row r="144" spans="1:8" x14ac:dyDescent="0.25">
      <c r="A144" s="2" t="s">
        <v>215</v>
      </c>
      <c r="B144" s="4" t="s">
        <v>1168</v>
      </c>
      <c r="C144" s="12">
        <v>9516935.6400000006</v>
      </c>
      <c r="D144" s="12">
        <v>16380927.779999999</v>
      </c>
    </row>
    <row r="145" spans="1:4" x14ac:dyDescent="0.25">
      <c r="A145" s="2" t="s">
        <v>216</v>
      </c>
      <c r="B145" s="4" t="s">
        <v>1169</v>
      </c>
      <c r="C145" s="12">
        <v>10126.01</v>
      </c>
      <c r="D145" s="12">
        <v>76.98</v>
      </c>
    </row>
    <row r="147" spans="1:4" x14ac:dyDescent="0.25">
      <c r="A147" s="10" t="s">
        <v>6</v>
      </c>
      <c r="B147" s="10" t="s">
        <v>1170</v>
      </c>
      <c r="C147" s="10" t="s">
        <v>1171</v>
      </c>
      <c r="D147" s="10" t="s">
        <v>1172</v>
      </c>
    </row>
    <row r="148" spans="1:4" x14ac:dyDescent="0.25">
      <c r="A148" s="10" t="s">
        <v>7</v>
      </c>
      <c r="B148" s="10" t="s">
        <v>7</v>
      </c>
      <c r="C148" s="10" t="s">
        <v>7</v>
      </c>
      <c r="D148" s="10" t="s">
        <v>7</v>
      </c>
    </row>
    <row r="149" spans="1:4" x14ac:dyDescent="0.25">
      <c r="A149" s="2" t="s">
        <v>218</v>
      </c>
      <c r="B149" s="4" t="s">
        <v>1173</v>
      </c>
      <c r="C149" s="12">
        <v>44928709.090000004</v>
      </c>
      <c r="D149" s="12">
        <v>22074828.190000001</v>
      </c>
    </row>
    <row r="150" spans="1:4" x14ac:dyDescent="0.25">
      <c r="A150" s="2" t="s">
        <v>220</v>
      </c>
      <c r="B150" s="4" t="s">
        <v>1174</v>
      </c>
      <c r="C150" s="12">
        <v>722563524.76999998</v>
      </c>
      <c r="D150" s="12">
        <v>31765053.829999998</v>
      </c>
    </row>
    <row r="151" spans="1:4" x14ac:dyDescent="0.25">
      <c r="A151" s="3" t="s">
        <v>222</v>
      </c>
      <c r="B151" s="5" t="s">
        <v>1175</v>
      </c>
      <c r="C151" s="11">
        <v>671015322.35000002</v>
      </c>
      <c r="D151" s="11">
        <v>49491584.329999998</v>
      </c>
    </row>
    <row r="152" spans="1:4" x14ac:dyDescent="0.25">
      <c r="A152" s="2" t="s">
        <v>225</v>
      </c>
      <c r="B152" s="4" t="s">
        <v>1176</v>
      </c>
      <c r="C152" s="12">
        <v>645225889.26999998</v>
      </c>
      <c r="D152" s="12">
        <v>42227230.329999998</v>
      </c>
    </row>
    <row r="153" spans="1:4" x14ac:dyDescent="0.25">
      <c r="A153" s="2" t="s">
        <v>227</v>
      </c>
      <c r="B153" s="4" t="s">
        <v>1177</v>
      </c>
      <c r="C153" s="12">
        <v>25789433.079999998</v>
      </c>
      <c r="D153" s="12">
        <v>7264354</v>
      </c>
    </row>
    <row r="154" spans="1:4" x14ac:dyDescent="0.25">
      <c r="A154" s="2" t="s">
        <v>229</v>
      </c>
      <c r="B154" s="4" t="s">
        <v>1178</v>
      </c>
      <c r="C154" s="12">
        <v>574758.55000000005</v>
      </c>
      <c r="D154" s="12">
        <v>444226.43</v>
      </c>
    </row>
    <row r="155" spans="1:4" x14ac:dyDescent="0.25">
      <c r="A155" s="3" t="s">
        <v>231</v>
      </c>
      <c r="B155" s="5" t="s">
        <v>1179</v>
      </c>
      <c r="C155" s="11">
        <v>97051670.060000002</v>
      </c>
      <c r="D155" s="11">
        <v>4792524.12</v>
      </c>
    </row>
    <row r="156" spans="1:4" x14ac:dyDescent="0.25">
      <c r="A156" s="3" t="s">
        <v>233</v>
      </c>
      <c r="B156" s="5" t="s">
        <v>1180</v>
      </c>
      <c r="C156" s="11">
        <v>7077931.0700000003</v>
      </c>
      <c r="D156" s="11">
        <v>-165178.95000000001</v>
      </c>
    </row>
    <row r="157" spans="1:4" x14ac:dyDescent="0.25">
      <c r="A157" s="2" t="s">
        <v>235</v>
      </c>
      <c r="B157" s="4" t="s">
        <v>1181</v>
      </c>
      <c r="C157" s="12">
        <v>7077931.0700000003</v>
      </c>
      <c r="D157" s="12">
        <v>-165178.95000000001</v>
      </c>
    </row>
    <row r="158" spans="1:4" x14ac:dyDescent="0.25">
      <c r="A158" s="2" t="s">
        <v>237</v>
      </c>
      <c r="B158" s="4" t="s">
        <v>1182</v>
      </c>
      <c r="C158" s="12">
        <v>0</v>
      </c>
      <c r="D158" s="12">
        <v>0</v>
      </c>
    </row>
    <row r="159" spans="1:4" x14ac:dyDescent="0.25">
      <c r="A159" s="2" t="s">
        <v>239</v>
      </c>
      <c r="B159" s="4" t="s">
        <v>1183</v>
      </c>
      <c r="C159" s="12">
        <v>0</v>
      </c>
      <c r="D159" s="12">
        <v>0</v>
      </c>
    </row>
    <row r="160" spans="1:4" x14ac:dyDescent="0.25">
      <c r="A160" s="2" t="s">
        <v>241</v>
      </c>
      <c r="B160" s="4" t="s">
        <v>1184</v>
      </c>
      <c r="C160" s="12">
        <v>0</v>
      </c>
      <c r="D160" s="12">
        <v>0</v>
      </c>
    </row>
    <row r="161" spans="1:4" x14ac:dyDescent="0.25">
      <c r="A161" s="3" t="s">
        <v>243</v>
      </c>
      <c r="B161" s="5" t="s">
        <v>1185</v>
      </c>
      <c r="C161" s="11">
        <v>104129601.13</v>
      </c>
      <c r="D161" s="11">
        <v>4627345.17</v>
      </c>
    </row>
  </sheetData>
  <mergeCells count="62">
    <mergeCell ref="A141:A142"/>
    <mergeCell ref="B141:B142"/>
    <mergeCell ref="C141:C142"/>
    <mergeCell ref="D141:D142"/>
    <mergeCell ref="A147:A148"/>
    <mergeCell ref="B147:B148"/>
    <mergeCell ref="C147:C148"/>
    <mergeCell ref="D147:D148"/>
    <mergeCell ref="G104:H104"/>
    <mergeCell ref="A120:A121"/>
    <mergeCell ref="B120:B121"/>
    <mergeCell ref="C120:C121"/>
    <mergeCell ref="A132:A133"/>
    <mergeCell ref="B132:B133"/>
    <mergeCell ref="C132:C133"/>
    <mergeCell ref="D132:D133"/>
    <mergeCell ref="E132:F132"/>
    <mergeCell ref="G132:H132"/>
    <mergeCell ref="A104:A105"/>
    <mergeCell ref="B104:B105"/>
    <mergeCell ref="C104:C105"/>
    <mergeCell ref="D104:D105"/>
    <mergeCell ref="E104:F104"/>
    <mergeCell ref="A92:A93"/>
    <mergeCell ref="B92:B93"/>
    <mergeCell ref="C92:C93"/>
    <mergeCell ref="A99:A100"/>
    <mergeCell ref="B99:B100"/>
    <mergeCell ref="C99:C100"/>
    <mergeCell ref="D72:D73"/>
    <mergeCell ref="E72:F72"/>
    <mergeCell ref="G72:H72"/>
    <mergeCell ref="A82:A83"/>
    <mergeCell ref="B82:B83"/>
    <mergeCell ref="C82:C83"/>
    <mergeCell ref="A67:A68"/>
    <mergeCell ref="B67:B68"/>
    <mergeCell ref="C67:C68"/>
    <mergeCell ref="A72:A73"/>
    <mergeCell ref="B72:B73"/>
    <mergeCell ref="C72:C73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0"/>
  <sheetViews>
    <sheetView showGridLines="0" workbookViewId="0"/>
  </sheetViews>
  <sheetFormatPr defaultRowHeight="15" x14ac:dyDescent="0.25"/>
  <cols>
    <col min="1" max="1" width="3.7109375" bestFit="1" customWidth="1"/>
    <col min="2" max="2" width="105.7109375" customWidth="1"/>
    <col min="3" max="4" width="20.28515625" bestFit="1" customWidth="1"/>
    <col min="5" max="5" width="19.140625" bestFit="1" customWidth="1"/>
    <col min="6" max="6" width="13.7109375" bestFit="1" customWidth="1"/>
    <col min="7" max="7" width="17.28515625" bestFit="1" customWidth="1"/>
    <col min="8" max="8" width="12.140625" bestFit="1" customWidth="1"/>
    <col min="9" max="9" width="17.28515625" bestFit="1" customWidth="1"/>
    <col min="10" max="10" width="11.8554687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36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36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368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69</v>
      </c>
      <c r="F11" s="1" t="s">
        <v>370</v>
      </c>
    </row>
    <row r="12" spans="1:12" x14ac:dyDescent="0.25">
      <c r="A12" s="3" t="s">
        <v>17</v>
      </c>
      <c r="B12" s="5" t="s">
        <v>371</v>
      </c>
      <c r="C12" s="11">
        <v>11668502000</v>
      </c>
      <c r="D12" s="11">
        <v>11668502000</v>
      </c>
      <c r="E12" s="11">
        <v>7771481478.1000004</v>
      </c>
      <c r="F12" s="11">
        <v>66.599999999999994</v>
      </c>
    </row>
    <row r="13" spans="1:12" x14ac:dyDescent="0.25">
      <c r="A13" s="3" t="s">
        <v>19</v>
      </c>
      <c r="B13" s="5" t="s">
        <v>372</v>
      </c>
      <c r="C13" s="11">
        <v>9799471900</v>
      </c>
      <c r="D13" s="11">
        <v>9799471900</v>
      </c>
      <c r="E13" s="11">
        <v>6349188106.7399998</v>
      </c>
      <c r="F13" s="11">
        <v>64.790000000000006</v>
      </c>
    </row>
    <row r="14" spans="1:12" x14ac:dyDescent="0.25">
      <c r="A14" s="2" t="s">
        <v>21</v>
      </c>
      <c r="B14" s="4" t="s">
        <v>373</v>
      </c>
      <c r="C14" s="12">
        <v>9616410000</v>
      </c>
      <c r="D14" s="12">
        <v>9616410000</v>
      </c>
      <c r="E14" s="12">
        <v>6168380122.1000004</v>
      </c>
      <c r="F14" s="12">
        <v>64.14</v>
      </c>
    </row>
    <row r="15" spans="1:12" x14ac:dyDescent="0.25">
      <c r="A15" s="2" t="s">
        <v>23</v>
      </c>
      <c r="B15" s="4" t="s">
        <v>374</v>
      </c>
      <c r="C15" s="12">
        <v>99100800</v>
      </c>
      <c r="D15" s="12">
        <v>99100800</v>
      </c>
      <c r="E15" s="12">
        <v>119791777.45</v>
      </c>
      <c r="F15" s="12">
        <v>120.88</v>
      </c>
    </row>
    <row r="16" spans="1:12" x14ac:dyDescent="0.25">
      <c r="A16" s="2" t="s">
        <v>25</v>
      </c>
      <c r="B16" s="4" t="s">
        <v>375</v>
      </c>
      <c r="C16" s="12">
        <v>83961100</v>
      </c>
      <c r="D16" s="12">
        <v>83961100</v>
      </c>
      <c r="E16" s="12">
        <v>61016207.189999998</v>
      </c>
      <c r="F16" s="12">
        <v>72.67</v>
      </c>
    </row>
    <row r="17" spans="1:6" x14ac:dyDescent="0.25">
      <c r="A17" s="3" t="s">
        <v>27</v>
      </c>
      <c r="B17" s="5" t="s">
        <v>376</v>
      </c>
      <c r="C17" s="11">
        <v>182447900</v>
      </c>
      <c r="D17" s="11">
        <v>182447900</v>
      </c>
      <c r="E17" s="11">
        <v>161358224.28999999</v>
      </c>
      <c r="F17" s="11">
        <v>88.44</v>
      </c>
    </row>
    <row r="18" spans="1:6" x14ac:dyDescent="0.25">
      <c r="A18" s="2" t="s">
        <v>29</v>
      </c>
      <c r="B18" s="4" t="s">
        <v>377</v>
      </c>
      <c r="C18" s="12">
        <v>182447900</v>
      </c>
      <c r="D18" s="12">
        <v>182447900</v>
      </c>
      <c r="E18" s="12">
        <v>160166595.33000001</v>
      </c>
      <c r="F18" s="12">
        <v>87.79</v>
      </c>
    </row>
    <row r="19" spans="1:6" x14ac:dyDescent="0.25">
      <c r="A19" s="2" t="s">
        <v>31</v>
      </c>
      <c r="B19" s="4" t="s">
        <v>378</v>
      </c>
      <c r="C19" s="12">
        <v>0</v>
      </c>
      <c r="D19" s="12">
        <v>0</v>
      </c>
      <c r="E19" s="12">
        <v>1191628.96</v>
      </c>
      <c r="F19" s="12">
        <v>0</v>
      </c>
    </row>
    <row r="20" spans="1:6" x14ac:dyDescent="0.25">
      <c r="A20" s="3" t="s">
        <v>33</v>
      </c>
      <c r="B20" s="5" t="s">
        <v>379</v>
      </c>
      <c r="C20" s="11">
        <v>729934800</v>
      </c>
      <c r="D20" s="11">
        <v>729934800</v>
      </c>
      <c r="E20" s="11">
        <v>670300956.03999996</v>
      </c>
      <c r="F20" s="11">
        <v>91.83</v>
      </c>
    </row>
    <row r="21" spans="1:6" x14ac:dyDescent="0.25">
      <c r="A21" s="2" t="s">
        <v>35</v>
      </c>
      <c r="B21" s="4" t="s">
        <v>380</v>
      </c>
      <c r="C21" s="12">
        <v>682669700</v>
      </c>
      <c r="D21" s="12">
        <v>682669700</v>
      </c>
      <c r="E21" s="12">
        <v>627684894.54999995</v>
      </c>
      <c r="F21" s="12">
        <v>91.95</v>
      </c>
    </row>
    <row r="22" spans="1:6" x14ac:dyDescent="0.25">
      <c r="A22" s="2" t="s">
        <v>37</v>
      </c>
      <c r="B22" s="4" t="s">
        <v>381</v>
      </c>
      <c r="C22" s="12">
        <v>47265100</v>
      </c>
      <c r="D22" s="12">
        <v>47265100</v>
      </c>
      <c r="E22" s="12">
        <v>42616061.490000002</v>
      </c>
      <c r="F22" s="12">
        <v>90.16</v>
      </c>
    </row>
    <row r="23" spans="1:6" x14ac:dyDescent="0.25">
      <c r="A23" s="2" t="s">
        <v>39</v>
      </c>
      <c r="B23" s="4" t="s">
        <v>382</v>
      </c>
      <c r="C23" s="12">
        <v>956647400</v>
      </c>
      <c r="D23" s="12">
        <v>956647400</v>
      </c>
      <c r="E23" s="12">
        <v>590634191.02999997</v>
      </c>
      <c r="F23" s="12">
        <v>61.74</v>
      </c>
    </row>
    <row r="24" spans="1:6" x14ac:dyDescent="0.25">
      <c r="A24" s="3" t="s">
        <v>41</v>
      </c>
      <c r="B24" s="5" t="s">
        <v>383</v>
      </c>
      <c r="C24" s="11">
        <v>1352553300</v>
      </c>
      <c r="D24" s="11">
        <v>1352553300</v>
      </c>
      <c r="E24" s="11">
        <v>877177728.15999997</v>
      </c>
      <c r="F24" s="11">
        <v>64.849999999999994</v>
      </c>
    </row>
    <row r="25" spans="1:6" x14ac:dyDescent="0.25">
      <c r="A25" s="2" t="s">
        <v>43</v>
      </c>
      <c r="B25" s="4" t="s">
        <v>384</v>
      </c>
      <c r="C25" s="12">
        <v>1227705300</v>
      </c>
      <c r="D25" s="12">
        <v>1227705300</v>
      </c>
      <c r="E25" s="12">
        <v>821548298.59000003</v>
      </c>
      <c r="F25" s="12">
        <v>66.92</v>
      </c>
    </row>
    <row r="26" spans="1:6" x14ac:dyDescent="0.25">
      <c r="A26" s="2" t="s">
        <v>45</v>
      </c>
      <c r="B26" s="4" t="s">
        <v>385</v>
      </c>
      <c r="C26" s="12">
        <v>106498000</v>
      </c>
      <c r="D26" s="12">
        <v>106498000</v>
      </c>
      <c r="E26" s="12">
        <v>55629429.57</v>
      </c>
      <c r="F26" s="12">
        <v>52.24</v>
      </c>
    </row>
    <row r="27" spans="1:6" x14ac:dyDescent="0.25">
      <c r="A27" s="3" t="s">
        <v>47</v>
      </c>
      <c r="B27" s="5" t="s">
        <v>386</v>
      </c>
      <c r="C27" s="11">
        <v>18350000</v>
      </c>
      <c r="D27" s="11">
        <v>18350000</v>
      </c>
      <c r="E27" s="11">
        <v>0</v>
      </c>
      <c r="F27" s="11">
        <v>0</v>
      </c>
    </row>
    <row r="28" spans="1:6" x14ac:dyDescent="0.25">
      <c r="A28" s="2" t="s">
        <v>49</v>
      </c>
      <c r="B28" s="4" t="s">
        <v>387</v>
      </c>
      <c r="C28" s="12">
        <v>18350000</v>
      </c>
      <c r="D28" s="12">
        <v>18350000</v>
      </c>
      <c r="E28" s="12">
        <v>0</v>
      </c>
      <c r="F28" s="12">
        <v>0</v>
      </c>
    </row>
    <row r="29" spans="1:6" x14ac:dyDescent="0.25">
      <c r="A29" s="2" t="s">
        <v>51</v>
      </c>
      <c r="B29" s="4" t="s">
        <v>388</v>
      </c>
      <c r="C29" s="12">
        <v>0</v>
      </c>
      <c r="D29" s="12">
        <v>0</v>
      </c>
      <c r="E29" s="12">
        <v>0</v>
      </c>
      <c r="F29" s="12">
        <v>0</v>
      </c>
    </row>
    <row r="30" spans="1:6" x14ac:dyDescent="0.25">
      <c r="A30" s="3" t="s">
        <v>53</v>
      </c>
      <c r="B30" s="5" t="s">
        <v>389</v>
      </c>
      <c r="C30" s="11">
        <v>2820469600</v>
      </c>
      <c r="D30" s="11">
        <v>2820469600</v>
      </c>
      <c r="E30" s="11">
        <v>1921100811</v>
      </c>
      <c r="F30" s="11">
        <v>68.11</v>
      </c>
    </row>
    <row r="31" spans="1:6" x14ac:dyDescent="0.25">
      <c r="A31" s="2" t="s">
        <v>55</v>
      </c>
      <c r="B31" s="4" t="s">
        <v>390</v>
      </c>
      <c r="C31" s="12">
        <v>2428877700</v>
      </c>
      <c r="D31" s="12">
        <v>2428877700</v>
      </c>
      <c r="E31" s="12">
        <v>1572042974.99</v>
      </c>
      <c r="F31" s="12">
        <v>64.72</v>
      </c>
    </row>
    <row r="32" spans="1:6" x14ac:dyDescent="0.25">
      <c r="A32" s="2" t="s">
        <v>57</v>
      </c>
      <c r="B32" s="4" t="s">
        <v>391</v>
      </c>
      <c r="C32" s="12">
        <v>364967400</v>
      </c>
      <c r="D32" s="12">
        <v>364967400</v>
      </c>
      <c r="E32" s="12">
        <v>335150478.50999999</v>
      </c>
      <c r="F32" s="12">
        <v>91.83</v>
      </c>
    </row>
    <row r="33" spans="1:10" x14ac:dyDescent="0.25">
      <c r="A33" s="2" t="s">
        <v>59</v>
      </c>
      <c r="B33" s="4" t="s">
        <v>392</v>
      </c>
      <c r="C33" s="12">
        <v>26624500</v>
      </c>
      <c r="D33" s="12">
        <v>26624500</v>
      </c>
      <c r="E33" s="12">
        <v>13907357.5</v>
      </c>
      <c r="F33" s="12">
        <v>52.24</v>
      </c>
    </row>
    <row r="34" spans="1:10" x14ac:dyDescent="0.25">
      <c r="A34" s="3" t="s">
        <v>61</v>
      </c>
      <c r="B34" s="5" t="s">
        <v>393</v>
      </c>
      <c r="C34" s="11">
        <v>10200585700</v>
      </c>
      <c r="D34" s="11">
        <v>10200585700</v>
      </c>
      <c r="E34" s="11">
        <v>6727558395.2600002</v>
      </c>
      <c r="F34" s="11">
        <v>65.95</v>
      </c>
    </row>
    <row r="36" spans="1:10" x14ac:dyDescent="0.25">
      <c r="A36" s="10" t="s">
        <v>6</v>
      </c>
      <c r="B36" s="10" t="s">
        <v>394</v>
      </c>
      <c r="C36" s="10" t="s">
        <v>395</v>
      </c>
      <c r="D36" s="10" t="s">
        <v>396</v>
      </c>
      <c r="E36" s="10" t="s">
        <v>168</v>
      </c>
      <c r="F36" s="10" t="s">
        <v>7</v>
      </c>
      <c r="G36" s="10" t="s">
        <v>172</v>
      </c>
      <c r="H36" s="10" t="s">
        <v>7</v>
      </c>
      <c r="I36" s="10" t="s">
        <v>401</v>
      </c>
      <c r="J36" s="10" t="s">
        <v>401</v>
      </c>
    </row>
    <row r="37" spans="1:10" ht="21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" t="s">
        <v>397</v>
      </c>
      <c r="F37" s="1" t="s">
        <v>398</v>
      </c>
      <c r="G37" s="1" t="s">
        <v>399</v>
      </c>
      <c r="H37" s="1" t="s">
        <v>400</v>
      </c>
      <c r="I37" s="1" t="s">
        <v>170</v>
      </c>
      <c r="J37" s="1" t="s">
        <v>402</v>
      </c>
    </row>
    <row r="38" spans="1:10" x14ac:dyDescent="0.25">
      <c r="A38" s="3" t="s">
        <v>63</v>
      </c>
      <c r="B38" s="5" t="s">
        <v>403</v>
      </c>
      <c r="C38" s="11">
        <v>70490200</v>
      </c>
      <c r="D38" s="11">
        <v>63294628</v>
      </c>
      <c r="E38" s="11">
        <v>48780641.369999997</v>
      </c>
      <c r="F38" s="11">
        <v>77.069999999999993</v>
      </c>
      <c r="G38" s="11">
        <v>40787192.789999999</v>
      </c>
      <c r="H38" s="11">
        <v>64.44</v>
      </c>
      <c r="I38" s="11">
        <v>40339500.689999998</v>
      </c>
      <c r="J38" s="11">
        <v>63.73</v>
      </c>
    </row>
    <row r="39" spans="1:10" x14ac:dyDescent="0.25">
      <c r="A39" s="2" t="s">
        <v>65</v>
      </c>
      <c r="B39" s="4" t="s">
        <v>404</v>
      </c>
      <c r="C39" s="12">
        <v>70490200</v>
      </c>
      <c r="D39" s="12">
        <v>63294628</v>
      </c>
      <c r="E39" s="12">
        <v>48780641.369999997</v>
      </c>
      <c r="F39" s="12">
        <v>77.069999999999993</v>
      </c>
      <c r="G39" s="12">
        <v>40787192.789999999</v>
      </c>
      <c r="H39" s="12">
        <v>64.44</v>
      </c>
      <c r="I39" s="12">
        <v>40339500.689999998</v>
      </c>
      <c r="J39" s="12">
        <v>63.73</v>
      </c>
    </row>
    <row r="40" spans="1:10" x14ac:dyDescent="0.25">
      <c r="A40" s="2" t="s">
        <v>67</v>
      </c>
      <c r="B40" s="4" t="s">
        <v>405</v>
      </c>
      <c r="C40" s="12">
        <v>0</v>
      </c>
      <c r="D40" s="12">
        <v>0</v>
      </c>
      <c r="E40" s="12">
        <v>0</v>
      </c>
      <c r="F40" s="12">
        <v>0</v>
      </c>
      <c r="G40" s="12">
        <v>0</v>
      </c>
      <c r="H40" s="12">
        <v>0</v>
      </c>
      <c r="I40" s="12">
        <v>0</v>
      </c>
      <c r="J40" s="12">
        <v>0</v>
      </c>
    </row>
    <row r="41" spans="1:10" x14ac:dyDescent="0.25">
      <c r="A41" s="3" t="s">
        <v>69</v>
      </c>
      <c r="B41" s="5" t="s">
        <v>406</v>
      </c>
      <c r="C41" s="11">
        <v>690625000</v>
      </c>
      <c r="D41" s="11">
        <v>590343592.5</v>
      </c>
      <c r="E41" s="11">
        <v>349263320.45999998</v>
      </c>
      <c r="F41" s="11">
        <v>98.75</v>
      </c>
      <c r="G41" s="11">
        <v>316525860.06999999</v>
      </c>
      <c r="H41" s="11">
        <v>77.62</v>
      </c>
      <c r="I41" s="11">
        <v>303932535.91000003</v>
      </c>
      <c r="J41" s="11">
        <v>74.260000000000005</v>
      </c>
    </row>
    <row r="42" spans="1:10" x14ac:dyDescent="0.25">
      <c r="A42" s="2" t="s">
        <v>71</v>
      </c>
      <c r="B42" s="4" t="s">
        <v>404</v>
      </c>
      <c r="C42" s="12">
        <v>660235800</v>
      </c>
      <c r="D42" s="12">
        <v>553966955.5</v>
      </c>
      <c r="E42" s="12">
        <v>335365298.20999998</v>
      </c>
      <c r="F42" s="12">
        <v>60.54</v>
      </c>
      <c r="G42" s="12">
        <v>308552961.83999997</v>
      </c>
      <c r="H42" s="12">
        <v>55.7</v>
      </c>
      <c r="I42" s="12">
        <v>296379637.68000001</v>
      </c>
      <c r="J42" s="12">
        <v>53.5</v>
      </c>
    </row>
    <row r="43" spans="1:10" x14ac:dyDescent="0.25">
      <c r="A43" s="2" t="s">
        <v>73</v>
      </c>
      <c r="B43" s="4" t="s">
        <v>407</v>
      </c>
      <c r="C43" s="12">
        <v>30389200</v>
      </c>
      <c r="D43" s="12">
        <v>36376637</v>
      </c>
      <c r="E43" s="12">
        <v>13898022.25</v>
      </c>
      <c r="F43" s="12">
        <v>38.21</v>
      </c>
      <c r="G43" s="12">
        <v>7972898.2300000004</v>
      </c>
      <c r="H43" s="12">
        <v>21.92</v>
      </c>
      <c r="I43" s="12">
        <v>7552898.2300000004</v>
      </c>
      <c r="J43" s="12">
        <v>20.76</v>
      </c>
    </row>
    <row r="44" spans="1:10" x14ac:dyDescent="0.25">
      <c r="A44" s="3" t="s">
        <v>75</v>
      </c>
      <c r="B44" s="5" t="s">
        <v>408</v>
      </c>
      <c r="C44" s="11">
        <v>54206700</v>
      </c>
      <c r="D44" s="11">
        <v>66988463</v>
      </c>
      <c r="E44" s="11">
        <v>22368098.260000002</v>
      </c>
      <c r="F44" s="11">
        <v>33.39</v>
      </c>
      <c r="G44" s="11">
        <v>15281846.869999999</v>
      </c>
      <c r="H44" s="11">
        <v>22.81</v>
      </c>
      <c r="I44" s="11">
        <v>11992839.77</v>
      </c>
      <c r="J44" s="11">
        <v>17.899999999999999</v>
      </c>
    </row>
    <row r="45" spans="1:10" x14ac:dyDescent="0.25">
      <c r="A45" s="2" t="s">
        <v>77</v>
      </c>
      <c r="B45" s="4" t="s">
        <v>404</v>
      </c>
      <c r="C45" s="12">
        <v>53913700</v>
      </c>
      <c r="D45" s="12">
        <v>66988463</v>
      </c>
      <c r="E45" s="12">
        <v>22368098.260000002</v>
      </c>
      <c r="F45" s="12">
        <v>33.39</v>
      </c>
      <c r="G45" s="12">
        <v>15281846.869999999</v>
      </c>
      <c r="H45" s="12">
        <v>22.81</v>
      </c>
      <c r="I45" s="12">
        <v>11992839.77</v>
      </c>
      <c r="J45" s="12">
        <v>17.899999999999999</v>
      </c>
    </row>
    <row r="46" spans="1:10" x14ac:dyDescent="0.25">
      <c r="A46" s="2" t="s">
        <v>79</v>
      </c>
      <c r="B46" s="4" t="s">
        <v>407</v>
      </c>
      <c r="C46" s="12">
        <v>293000</v>
      </c>
      <c r="D46" s="12">
        <v>0</v>
      </c>
      <c r="E46" s="12">
        <v>0</v>
      </c>
      <c r="F46" s="12">
        <v>0</v>
      </c>
      <c r="G46" s="12">
        <v>0</v>
      </c>
      <c r="H46" s="12">
        <v>0</v>
      </c>
      <c r="I46" s="12">
        <v>0</v>
      </c>
      <c r="J46" s="12">
        <v>0</v>
      </c>
    </row>
    <row r="47" spans="1:10" x14ac:dyDescent="0.25">
      <c r="A47" s="3" t="s">
        <v>81</v>
      </c>
      <c r="B47" s="5" t="s">
        <v>409</v>
      </c>
      <c r="C47" s="11">
        <v>0</v>
      </c>
      <c r="D47" s="11">
        <v>500000</v>
      </c>
      <c r="E47" s="11">
        <v>378790.56</v>
      </c>
      <c r="F47" s="11">
        <v>75.760000000000005</v>
      </c>
      <c r="G47" s="11">
        <v>126263.52</v>
      </c>
      <c r="H47" s="11">
        <v>25.25</v>
      </c>
      <c r="I47" s="11">
        <v>125404.13</v>
      </c>
      <c r="J47" s="11">
        <v>25.08</v>
      </c>
    </row>
    <row r="48" spans="1:10" x14ac:dyDescent="0.25">
      <c r="A48" s="2" t="s">
        <v>83</v>
      </c>
      <c r="B48" s="4" t="s">
        <v>404</v>
      </c>
      <c r="C48" s="12">
        <v>0</v>
      </c>
      <c r="D48" s="12">
        <v>500000</v>
      </c>
      <c r="E48" s="12">
        <v>378790.56</v>
      </c>
      <c r="F48" s="12">
        <v>75.760000000000005</v>
      </c>
      <c r="G48" s="12">
        <v>126263.52</v>
      </c>
      <c r="H48" s="12">
        <v>25.25</v>
      </c>
      <c r="I48" s="12">
        <v>125404.13</v>
      </c>
      <c r="J48" s="12">
        <v>25.08</v>
      </c>
    </row>
    <row r="49" spans="1:10" x14ac:dyDescent="0.25">
      <c r="A49" s="2" t="s">
        <v>85</v>
      </c>
      <c r="B49" s="4" t="s">
        <v>407</v>
      </c>
      <c r="C49" s="12">
        <v>0</v>
      </c>
      <c r="D49" s="12">
        <v>0</v>
      </c>
      <c r="E49" s="12">
        <v>0</v>
      </c>
      <c r="F49" s="12">
        <v>0</v>
      </c>
      <c r="G49" s="12">
        <v>0</v>
      </c>
      <c r="H49" s="12">
        <v>0</v>
      </c>
      <c r="I49" s="12">
        <v>0</v>
      </c>
      <c r="J49" s="12">
        <v>0</v>
      </c>
    </row>
    <row r="50" spans="1:10" x14ac:dyDescent="0.25">
      <c r="A50" s="3" t="s">
        <v>87</v>
      </c>
      <c r="B50" s="5" t="s">
        <v>410</v>
      </c>
      <c r="C50" s="11">
        <v>16880900</v>
      </c>
      <c r="D50" s="11">
        <v>145415093</v>
      </c>
      <c r="E50" s="11">
        <v>108120321.22</v>
      </c>
      <c r="F50" s="11">
        <v>133.26</v>
      </c>
      <c r="G50" s="11">
        <v>83441354.870000005</v>
      </c>
      <c r="H50" s="11">
        <v>101.48</v>
      </c>
      <c r="I50" s="11">
        <v>71799991.560000002</v>
      </c>
      <c r="J50" s="11">
        <v>74.64</v>
      </c>
    </row>
    <row r="51" spans="1:10" x14ac:dyDescent="0.25">
      <c r="A51" s="2" t="s">
        <v>89</v>
      </c>
      <c r="B51" s="4" t="s">
        <v>404</v>
      </c>
      <c r="C51" s="12">
        <v>15470900</v>
      </c>
      <c r="D51" s="12">
        <v>123089903</v>
      </c>
      <c r="E51" s="12">
        <v>95732306.120000005</v>
      </c>
      <c r="F51" s="12">
        <v>77.77</v>
      </c>
      <c r="G51" s="12">
        <v>74253290.769999996</v>
      </c>
      <c r="H51" s="12">
        <v>60.32</v>
      </c>
      <c r="I51" s="12">
        <v>67352745.260000005</v>
      </c>
      <c r="J51" s="12">
        <v>54.72</v>
      </c>
    </row>
    <row r="52" spans="1:10" x14ac:dyDescent="0.25">
      <c r="A52" s="2" t="s">
        <v>91</v>
      </c>
      <c r="B52" s="4" t="s">
        <v>407</v>
      </c>
      <c r="C52" s="12">
        <v>1410000</v>
      </c>
      <c r="D52" s="12">
        <v>22325190</v>
      </c>
      <c r="E52" s="12">
        <v>12388015.1</v>
      </c>
      <c r="F52" s="12">
        <v>55.49</v>
      </c>
      <c r="G52" s="12">
        <v>9188064.0999999996</v>
      </c>
      <c r="H52" s="12">
        <v>41.16</v>
      </c>
      <c r="I52" s="12">
        <v>4447246.3</v>
      </c>
      <c r="J52" s="12">
        <v>19.920000000000002</v>
      </c>
    </row>
    <row r="53" spans="1:10" x14ac:dyDescent="0.25">
      <c r="A53" s="3" t="s">
        <v>93</v>
      </c>
      <c r="B53" s="5" t="s">
        <v>411</v>
      </c>
      <c r="C53" s="11">
        <v>33937000</v>
      </c>
      <c r="D53" s="11">
        <v>33937000</v>
      </c>
      <c r="E53" s="11">
        <v>20973212.239999998</v>
      </c>
      <c r="F53" s="11">
        <v>61.8</v>
      </c>
      <c r="G53" s="11">
        <v>18130036.120000001</v>
      </c>
      <c r="H53" s="11">
        <v>53.42</v>
      </c>
      <c r="I53" s="11">
        <v>18130036.120000001</v>
      </c>
      <c r="J53" s="11">
        <v>53.42</v>
      </c>
    </row>
    <row r="54" spans="1:10" x14ac:dyDescent="0.25">
      <c r="A54" s="2" t="s">
        <v>95</v>
      </c>
      <c r="B54" s="4" t="s">
        <v>404</v>
      </c>
      <c r="C54" s="12">
        <v>33937000</v>
      </c>
      <c r="D54" s="12">
        <v>33937000</v>
      </c>
      <c r="E54" s="12">
        <v>20973212.239999998</v>
      </c>
      <c r="F54" s="12">
        <v>61.8</v>
      </c>
      <c r="G54" s="12">
        <v>18130036.120000001</v>
      </c>
      <c r="H54" s="12">
        <v>53.42</v>
      </c>
      <c r="I54" s="12">
        <v>18130036.120000001</v>
      </c>
      <c r="J54" s="12">
        <v>53.42</v>
      </c>
    </row>
    <row r="55" spans="1:10" x14ac:dyDescent="0.25">
      <c r="A55" s="2" t="s">
        <v>97</v>
      </c>
      <c r="B55" s="4" t="s">
        <v>407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</row>
    <row r="56" spans="1:10" x14ac:dyDescent="0.25">
      <c r="A56" s="3" t="s">
        <v>99</v>
      </c>
      <c r="B56" s="5" t="s">
        <v>412</v>
      </c>
      <c r="C56" s="11">
        <v>362395400</v>
      </c>
      <c r="D56" s="11">
        <v>560546228.33000004</v>
      </c>
      <c r="E56" s="11">
        <v>475419295.69999999</v>
      </c>
      <c r="F56" s="11">
        <v>134.11000000000001</v>
      </c>
      <c r="G56" s="11">
        <v>460237447.38</v>
      </c>
      <c r="H56" s="11">
        <v>115.74</v>
      </c>
      <c r="I56" s="11">
        <v>444609496.56999999</v>
      </c>
      <c r="J56" s="11">
        <v>111.03</v>
      </c>
    </row>
    <row r="57" spans="1:10" x14ac:dyDescent="0.25">
      <c r="A57" s="2" t="s">
        <v>101</v>
      </c>
      <c r="B57" s="4" t="s">
        <v>404</v>
      </c>
      <c r="C57" s="12">
        <v>349092400</v>
      </c>
      <c r="D57" s="12">
        <v>547395183.33000004</v>
      </c>
      <c r="E57" s="12">
        <v>469051395.44</v>
      </c>
      <c r="F57" s="12">
        <v>85.69</v>
      </c>
      <c r="G57" s="12">
        <v>455971503.13</v>
      </c>
      <c r="H57" s="12">
        <v>83.3</v>
      </c>
      <c r="I57" s="12">
        <v>440592905.35000002</v>
      </c>
      <c r="J57" s="12">
        <v>80.489999999999995</v>
      </c>
    </row>
    <row r="58" spans="1:10" x14ac:dyDescent="0.25">
      <c r="A58" s="2" t="s">
        <v>103</v>
      </c>
      <c r="B58" s="4" t="s">
        <v>407</v>
      </c>
      <c r="C58" s="12">
        <v>13303000</v>
      </c>
      <c r="D58" s="12">
        <v>13151045</v>
      </c>
      <c r="E58" s="12">
        <v>6367900.2599999998</v>
      </c>
      <c r="F58" s="12">
        <v>48.42</v>
      </c>
      <c r="G58" s="12">
        <v>4265944.25</v>
      </c>
      <c r="H58" s="12">
        <v>32.44</v>
      </c>
      <c r="I58" s="12">
        <v>4016591.22</v>
      </c>
      <c r="J58" s="12">
        <v>30.54</v>
      </c>
    </row>
    <row r="59" spans="1:10" x14ac:dyDescent="0.25">
      <c r="A59" s="3" t="s">
        <v>105</v>
      </c>
      <c r="B59" s="5" t="s">
        <v>413</v>
      </c>
      <c r="C59" s="11">
        <v>1228535200</v>
      </c>
      <c r="D59" s="11">
        <v>1461025004.8299999</v>
      </c>
      <c r="E59" s="11">
        <v>1025303679.8099999</v>
      </c>
      <c r="F59" s="11">
        <v>70.180000000000007</v>
      </c>
      <c r="G59" s="11">
        <v>934530001.62</v>
      </c>
      <c r="H59" s="11">
        <v>63.96</v>
      </c>
      <c r="I59" s="11">
        <v>890929804.75</v>
      </c>
      <c r="J59" s="11">
        <v>60.98</v>
      </c>
    </row>
    <row r="61" spans="1:10" x14ac:dyDescent="0.25">
      <c r="A61" s="10" t="s">
        <v>6</v>
      </c>
      <c r="B61" s="10" t="s">
        <v>414</v>
      </c>
      <c r="C61" s="10" t="s">
        <v>415</v>
      </c>
      <c r="D61" s="10" t="s">
        <v>416</v>
      </c>
      <c r="E61" s="10" t="s">
        <v>417</v>
      </c>
    </row>
    <row r="62" spans="1:10" x14ac:dyDescent="0.25">
      <c r="A62" s="10" t="s">
        <v>7</v>
      </c>
      <c r="B62" s="10" t="s">
        <v>7</v>
      </c>
      <c r="C62" s="10" t="s">
        <v>7</v>
      </c>
      <c r="D62" s="10" t="s">
        <v>7</v>
      </c>
      <c r="E62" s="10" t="s">
        <v>7</v>
      </c>
    </row>
    <row r="63" spans="1:10" x14ac:dyDescent="0.25">
      <c r="A63" s="2" t="s">
        <v>107</v>
      </c>
      <c r="B63" s="4" t="s">
        <v>418</v>
      </c>
      <c r="C63" s="12">
        <v>1025303679.8099999</v>
      </c>
      <c r="D63" s="12">
        <v>934530001.62</v>
      </c>
      <c r="E63" s="12">
        <v>890929804.75</v>
      </c>
    </row>
    <row r="64" spans="1:10" x14ac:dyDescent="0.25">
      <c r="A64" s="2" t="s">
        <v>109</v>
      </c>
      <c r="B64" s="4" t="s">
        <v>419</v>
      </c>
      <c r="C64" s="12">
        <v>0</v>
      </c>
      <c r="D64" s="12">
        <v>0</v>
      </c>
      <c r="E64" s="12">
        <v>0</v>
      </c>
    </row>
    <row r="65" spans="1:5" x14ac:dyDescent="0.25">
      <c r="A65" s="2" t="s">
        <v>111</v>
      </c>
      <c r="B65" s="4" t="s">
        <v>420</v>
      </c>
      <c r="C65" s="12">
        <v>0</v>
      </c>
      <c r="D65" s="12">
        <v>0</v>
      </c>
      <c r="E65" s="12">
        <v>0</v>
      </c>
    </row>
    <row r="66" spans="1:5" x14ac:dyDescent="0.25">
      <c r="A66" s="2" t="s">
        <v>113</v>
      </c>
      <c r="B66" s="4" t="s">
        <v>421</v>
      </c>
      <c r="C66" s="12">
        <v>0</v>
      </c>
      <c r="D66" s="12">
        <v>0</v>
      </c>
      <c r="E66" s="12">
        <v>0</v>
      </c>
    </row>
    <row r="67" spans="1:5" x14ac:dyDescent="0.25">
      <c r="A67" s="2" t="s">
        <v>115</v>
      </c>
      <c r="B67" s="4" t="s">
        <v>422</v>
      </c>
      <c r="C67" s="12">
        <v>1025303679.8099999</v>
      </c>
      <c r="D67" s="12">
        <v>934530001.62</v>
      </c>
      <c r="E67" s="12">
        <v>890929804.75</v>
      </c>
    </row>
    <row r="69" spans="1:5" x14ac:dyDescent="0.25">
      <c r="A69" s="10" t="s">
        <v>6</v>
      </c>
      <c r="B69" s="10" t="s">
        <v>423</v>
      </c>
      <c r="C69" s="10" t="s">
        <v>424</v>
      </c>
    </row>
    <row r="70" spans="1:5" x14ac:dyDescent="0.25">
      <c r="A70" s="10" t="s">
        <v>7</v>
      </c>
      <c r="B70" s="10" t="s">
        <v>7</v>
      </c>
      <c r="C70" s="10" t="s">
        <v>7</v>
      </c>
    </row>
    <row r="71" spans="1:5" x14ac:dyDescent="0.25">
      <c r="A71" s="2" t="s">
        <v>117</v>
      </c>
      <c r="B71" s="4" t="s">
        <v>425</v>
      </c>
      <c r="C71" s="12">
        <v>807307007.42999995</v>
      </c>
    </row>
    <row r="72" spans="1:5" x14ac:dyDescent="0.25">
      <c r="A72" s="2" t="s">
        <v>119</v>
      </c>
      <c r="B72" s="4" t="s">
        <v>426</v>
      </c>
      <c r="C72" s="12">
        <v>0</v>
      </c>
    </row>
    <row r="74" spans="1:5" x14ac:dyDescent="0.25">
      <c r="A74" s="10" t="s">
        <v>6</v>
      </c>
      <c r="B74" s="10" t="s">
        <v>427</v>
      </c>
      <c r="C74" s="10" t="s">
        <v>415</v>
      </c>
      <c r="D74" s="10" t="s">
        <v>416</v>
      </c>
      <c r="E74" s="10" t="s">
        <v>417</v>
      </c>
    </row>
    <row r="75" spans="1:5" x14ac:dyDescent="0.25">
      <c r="A75" s="10" t="s">
        <v>7</v>
      </c>
      <c r="B75" s="10" t="s">
        <v>7</v>
      </c>
      <c r="C75" s="10" t="s">
        <v>7</v>
      </c>
      <c r="D75" s="10" t="s">
        <v>7</v>
      </c>
      <c r="E75" s="10" t="s">
        <v>7</v>
      </c>
    </row>
    <row r="76" spans="1:5" x14ac:dyDescent="0.25">
      <c r="A76" s="2" t="s">
        <v>120</v>
      </c>
      <c r="B76" s="4" t="s">
        <v>428</v>
      </c>
      <c r="C76" s="12">
        <v>217996672.38</v>
      </c>
      <c r="D76" s="12">
        <v>127222994.19</v>
      </c>
      <c r="E76" s="12">
        <v>83622797.319999993</v>
      </c>
    </row>
    <row r="78" spans="1:5" x14ac:dyDescent="0.25">
      <c r="A78" s="10" t="s">
        <v>6</v>
      </c>
      <c r="B78" s="10" t="s">
        <v>429</v>
      </c>
      <c r="C78" s="10" t="s">
        <v>429</v>
      </c>
    </row>
    <row r="79" spans="1:5" x14ac:dyDescent="0.25">
      <c r="A79" s="10" t="s">
        <v>7</v>
      </c>
      <c r="B79" s="10" t="s">
        <v>7</v>
      </c>
      <c r="C79" s="10" t="s">
        <v>7</v>
      </c>
    </row>
    <row r="80" spans="1:5" x14ac:dyDescent="0.25">
      <c r="A80" s="2" t="s">
        <v>121</v>
      </c>
      <c r="B80" s="4" t="s">
        <v>430</v>
      </c>
      <c r="C80" s="12">
        <v>0</v>
      </c>
    </row>
    <row r="82" spans="1:12" x14ac:dyDescent="0.25">
      <c r="A82" s="10" t="s">
        <v>6</v>
      </c>
      <c r="B82" s="10" t="s">
        <v>431</v>
      </c>
      <c r="C82" s="10" t="s">
        <v>415</v>
      </c>
      <c r="D82" s="10" t="s">
        <v>416</v>
      </c>
    </row>
    <row r="83" spans="1:12" x14ac:dyDescent="0.25">
      <c r="A83" s="10" t="s">
        <v>7</v>
      </c>
      <c r="B83" s="10" t="s">
        <v>7</v>
      </c>
      <c r="C83" s="10" t="s">
        <v>7</v>
      </c>
      <c r="D83" s="10" t="s">
        <v>7</v>
      </c>
    </row>
    <row r="84" spans="1:12" x14ac:dyDescent="0.25">
      <c r="A84" s="2" t="s">
        <v>122</v>
      </c>
      <c r="B84" s="4" t="s">
        <v>432</v>
      </c>
      <c r="C84" s="12">
        <v>15.24</v>
      </c>
      <c r="D84" s="12">
        <v>13.89</v>
      </c>
    </row>
    <row r="86" spans="1:12" x14ac:dyDescent="0.25">
      <c r="A86" s="10" t="s">
        <v>6</v>
      </c>
      <c r="B86" s="10" t="s">
        <v>433</v>
      </c>
      <c r="C86" s="10" t="s">
        <v>434</v>
      </c>
      <c r="D86" s="10" t="s">
        <v>435</v>
      </c>
      <c r="E86" s="10" t="s">
        <v>7</v>
      </c>
      <c r="F86" s="10" t="s">
        <v>7</v>
      </c>
      <c r="G86" s="10" t="s">
        <v>439</v>
      </c>
    </row>
    <row r="87" spans="1:12" ht="21" x14ac:dyDescent="0.25">
      <c r="A87" s="10" t="s">
        <v>7</v>
      </c>
      <c r="B87" s="10" t="s">
        <v>7</v>
      </c>
      <c r="C87" s="10" t="s">
        <v>7</v>
      </c>
      <c r="D87" s="1" t="s">
        <v>436</v>
      </c>
      <c r="E87" s="1" t="s">
        <v>437</v>
      </c>
      <c r="F87" s="1" t="s">
        <v>438</v>
      </c>
      <c r="G87" s="10" t="s">
        <v>7</v>
      </c>
    </row>
    <row r="88" spans="1:12" x14ac:dyDescent="0.25">
      <c r="A88" s="2" t="s">
        <v>123</v>
      </c>
      <c r="B88" s="4" t="s">
        <v>440</v>
      </c>
      <c r="C88" s="12">
        <v>0</v>
      </c>
      <c r="D88" s="12">
        <v>0</v>
      </c>
      <c r="E88" s="12">
        <v>0</v>
      </c>
      <c r="F88" s="12">
        <v>0</v>
      </c>
      <c r="G88" s="12">
        <v>0</v>
      </c>
    </row>
    <row r="89" spans="1:12" x14ac:dyDescent="0.25">
      <c r="A89" s="2" t="s">
        <v>124</v>
      </c>
      <c r="B89" s="4" t="s">
        <v>441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</row>
    <row r="90" spans="1:12" x14ac:dyDescent="0.25">
      <c r="A90" s="2" t="s">
        <v>125</v>
      </c>
      <c r="B90" s="4" t="s">
        <v>442</v>
      </c>
      <c r="C90" s="12">
        <v>0</v>
      </c>
      <c r="D90" s="12">
        <v>0</v>
      </c>
      <c r="E90" s="12">
        <v>0</v>
      </c>
      <c r="F90" s="12">
        <v>0</v>
      </c>
      <c r="G90" s="12">
        <v>0</v>
      </c>
    </row>
    <row r="91" spans="1:12" x14ac:dyDescent="0.25">
      <c r="A91" s="2" t="s">
        <v>126</v>
      </c>
      <c r="B91" s="4" t="s">
        <v>443</v>
      </c>
      <c r="C91" s="12">
        <v>0</v>
      </c>
      <c r="D91" s="12">
        <v>0</v>
      </c>
      <c r="E91" s="12">
        <v>0</v>
      </c>
      <c r="F91" s="12">
        <v>0</v>
      </c>
      <c r="G91" s="12">
        <v>0</v>
      </c>
    </row>
    <row r="93" spans="1:12" x14ac:dyDescent="0.25">
      <c r="A93" s="10" t="s">
        <v>6</v>
      </c>
      <c r="B93" s="10" t="s">
        <v>444</v>
      </c>
      <c r="C93" s="10" t="s">
        <v>445</v>
      </c>
      <c r="D93" s="10" t="s">
        <v>446</v>
      </c>
      <c r="E93" s="10" t="s">
        <v>447</v>
      </c>
      <c r="F93" s="10" t="s">
        <v>448</v>
      </c>
      <c r="G93" s="10" t="s">
        <v>449</v>
      </c>
      <c r="H93" s="10" t="s">
        <v>450</v>
      </c>
      <c r="I93" s="10" t="s">
        <v>451</v>
      </c>
      <c r="J93" s="10" t="s">
        <v>452</v>
      </c>
      <c r="K93" s="10" t="s">
        <v>453</v>
      </c>
      <c r="L93" s="10" t="s">
        <v>454</v>
      </c>
    </row>
    <row r="94" spans="1:12" x14ac:dyDescent="0.25">
      <c r="A94" s="10" t="s">
        <v>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0" t="s">
        <v>7</v>
      </c>
      <c r="H94" s="10" t="s">
        <v>7</v>
      </c>
      <c r="I94" s="10" t="s">
        <v>7</v>
      </c>
      <c r="J94" s="10" t="s">
        <v>7</v>
      </c>
      <c r="K94" s="10" t="s">
        <v>7</v>
      </c>
      <c r="L94" s="10" t="s">
        <v>7</v>
      </c>
    </row>
    <row r="95" spans="1:12" x14ac:dyDescent="0.25">
      <c r="A95" s="2" t="s">
        <v>127</v>
      </c>
      <c r="B95" s="4" t="s">
        <v>455</v>
      </c>
      <c r="C95" s="12">
        <v>0</v>
      </c>
      <c r="D95" s="12">
        <v>0</v>
      </c>
      <c r="E95" s="12">
        <v>0</v>
      </c>
      <c r="F95" s="12">
        <v>0</v>
      </c>
      <c r="G95" s="12">
        <v>0</v>
      </c>
      <c r="H95" s="12">
        <v>0</v>
      </c>
      <c r="I95" s="12">
        <v>0</v>
      </c>
      <c r="J95" s="12">
        <v>0</v>
      </c>
      <c r="K95" s="12">
        <v>0</v>
      </c>
      <c r="L95" s="12">
        <v>0</v>
      </c>
    </row>
    <row r="96" spans="1:12" x14ac:dyDescent="0.25">
      <c r="A96" s="2" t="s">
        <v>129</v>
      </c>
      <c r="B96" s="4" t="s">
        <v>456</v>
      </c>
      <c r="C96" s="12">
        <v>0</v>
      </c>
      <c r="D96" s="12">
        <v>0</v>
      </c>
      <c r="E96" s="12">
        <v>0</v>
      </c>
      <c r="F96" s="12">
        <v>0</v>
      </c>
      <c r="G96" s="12">
        <v>0</v>
      </c>
      <c r="H96" s="12">
        <v>0</v>
      </c>
      <c r="I96" s="12">
        <v>0</v>
      </c>
      <c r="J96" s="12">
        <v>0</v>
      </c>
      <c r="K96" s="12">
        <v>0</v>
      </c>
      <c r="L96" s="12">
        <v>0</v>
      </c>
    </row>
    <row r="97" spans="1:12" x14ac:dyDescent="0.25">
      <c r="A97" s="2" t="s">
        <v>131</v>
      </c>
      <c r="B97" s="4" t="s">
        <v>457</v>
      </c>
      <c r="C97" s="12">
        <v>0</v>
      </c>
      <c r="D97" s="12">
        <v>0</v>
      </c>
      <c r="E97" s="12">
        <v>0</v>
      </c>
      <c r="F97" s="12">
        <v>0</v>
      </c>
      <c r="G97" s="12">
        <v>0</v>
      </c>
      <c r="H97" s="12">
        <v>0</v>
      </c>
      <c r="I97" s="12">
        <v>0</v>
      </c>
      <c r="J97" s="12">
        <v>0</v>
      </c>
      <c r="K97" s="12">
        <v>0</v>
      </c>
      <c r="L97" s="12">
        <v>0</v>
      </c>
    </row>
    <row r="98" spans="1:12" x14ac:dyDescent="0.25">
      <c r="A98" s="2" t="s">
        <v>133</v>
      </c>
      <c r="B98" s="4" t="s">
        <v>458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  <c r="H98" s="12">
        <v>0</v>
      </c>
      <c r="I98" s="12">
        <v>0</v>
      </c>
      <c r="J98" s="12">
        <v>0</v>
      </c>
      <c r="K98" s="12">
        <v>0</v>
      </c>
      <c r="L98" s="12">
        <v>0</v>
      </c>
    </row>
    <row r="99" spans="1:12" x14ac:dyDescent="0.25">
      <c r="A99" s="2" t="s">
        <v>135</v>
      </c>
      <c r="B99" s="4" t="s">
        <v>459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  <c r="H99" s="12">
        <v>0</v>
      </c>
      <c r="I99" s="12">
        <v>0</v>
      </c>
      <c r="J99" s="12">
        <v>0</v>
      </c>
      <c r="K99" s="12">
        <v>0</v>
      </c>
      <c r="L99" s="12">
        <v>0</v>
      </c>
    </row>
    <row r="101" spans="1:12" x14ac:dyDescent="0.25">
      <c r="A101" s="10" t="s">
        <v>6</v>
      </c>
      <c r="B101" s="10" t="s">
        <v>460</v>
      </c>
      <c r="C101" s="10" t="s">
        <v>461</v>
      </c>
    </row>
    <row r="102" spans="1:12" x14ac:dyDescent="0.25">
      <c r="A102" s="10" t="s">
        <v>7</v>
      </c>
      <c r="B102" s="10" t="s">
        <v>7</v>
      </c>
      <c r="C102" s="10" t="s">
        <v>7</v>
      </c>
    </row>
    <row r="103" spans="1:12" x14ac:dyDescent="0.25">
      <c r="A103" s="2" t="s">
        <v>137</v>
      </c>
      <c r="B103" s="4" t="s">
        <v>462</v>
      </c>
      <c r="C103" s="12">
        <v>0</v>
      </c>
    </row>
    <row r="104" spans="1:12" x14ac:dyDescent="0.25">
      <c r="A104" s="2" t="s">
        <v>139</v>
      </c>
      <c r="B104" s="4" t="s">
        <v>463</v>
      </c>
      <c r="C104" s="12">
        <v>0</v>
      </c>
    </row>
    <row r="105" spans="1:12" x14ac:dyDescent="0.25">
      <c r="A105" s="2" t="s">
        <v>141</v>
      </c>
      <c r="B105" s="4" t="s">
        <v>464</v>
      </c>
      <c r="C105" s="12">
        <v>0</v>
      </c>
    </row>
    <row r="107" spans="1:12" x14ac:dyDescent="0.25">
      <c r="A107" s="10" t="s">
        <v>6</v>
      </c>
      <c r="B107" s="10" t="s">
        <v>465</v>
      </c>
      <c r="C107" s="10" t="s">
        <v>466</v>
      </c>
      <c r="D107" s="10" t="s">
        <v>435</v>
      </c>
      <c r="E107" s="10" t="s">
        <v>7</v>
      </c>
      <c r="F107" s="10" t="s">
        <v>7</v>
      </c>
      <c r="G107" s="10" t="s">
        <v>470</v>
      </c>
    </row>
    <row r="108" spans="1:12" ht="21" x14ac:dyDescent="0.25">
      <c r="A108" s="10" t="s">
        <v>7</v>
      </c>
      <c r="B108" s="10" t="s">
        <v>7</v>
      </c>
      <c r="C108" s="10" t="s">
        <v>7</v>
      </c>
      <c r="D108" s="1" t="s">
        <v>467</v>
      </c>
      <c r="E108" s="1" t="s">
        <v>468</v>
      </c>
      <c r="F108" s="1" t="s">
        <v>469</v>
      </c>
      <c r="G108" s="10" t="s">
        <v>7</v>
      </c>
    </row>
    <row r="109" spans="1:12" x14ac:dyDescent="0.25">
      <c r="A109" s="2" t="s">
        <v>143</v>
      </c>
      <c r="B109" s="4" t="s">
        <v>471</v>
      </c>
      <c r="C109" s="12">
        <v>0</v>
      </c>
      <c r="D109" s="12">
        <v>0</v>
      </c>
      <c r="E109" s="12">
        <v>0</v>
      </c>
      <c r="F109" s="12">
        <v>0</v>
      </c>
      <c r="G109" s="12">
        <v>0</v>
      </c>
    </row>
    <row r="110" spans="1:12" x14ac:dyDescent="0.25">
      <c r="A110" s="2" t="s">
        <v>145</v>
      </c>
      <c r="B110" s="4" t="s">
        <v>472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</row>
    <row r="111" spans="1:12" x14ac:dyDescent="0.25">
      <c r="A111" s="2" t="s">
        <v>147</v>
      </c>
      <c r="B111" s="4" t="s">
        <v>473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</row>
    <row r="112" spans="1:12" x14ac:dyDescent="0.25">
      <c r="A112" s="2" t="s">
        <v>149</v>
      </c>
      <c r="B112" s="4" t="s">
        <v>474</v>
      </c>
      <c r="C112" s="12">
        <v>0</v>
      </c>
      <c r="D112" s="12">
        <v>0</v>
      </c>
      <c r="E112" s="12">
        <v>0</v>
      </c>
      <c r="F112" s="12">
        <v>0</v>
      </c>
      <c r="G112" s="12">
        <v>0</v>
      </c>
    </row>
    <row r="114" spans="1:10" x14ac:dyDescent="0.25">
      <c r="A114" s="10" t="s">
        <v>6</v>
      </c>
      <c r="B114" s="10" t="s">
        <v>475</v>
      </c>
      <c r="C114" s="10" t="s">
        <v>9</v>
      </c>
      <c r="D114" s="10" t="s">
        <v>10</v>
      </c>
      <c r="E114" s="10" t="s">
        <v>11</v>
      </c>
      <c r="F114" s="10" t="s">
        <v>11</v>
      </c>
    </row>
    <row r="115" spans="1:10" ht="21" x14ac:dyDescent="0.25">
      <c r="A115" s="10" t="s">
        <v>7</v>
      </c>
      <c r="B115" s="10" t="s">
        <v>7</v>
      </c>
      <c r="C115" s="10" t="s">
        <v>7</v>
      </c>
      <c r="D115" s="10" t="s">
        <v>7</v>
      </c>
      <c r="E115" s="1" t="s">
        <v>476</v>
      </c>
      <c r="F115" s="1" t="s">
        <v>370</v>
      </c>
    </row>
    <row r="116" spans="1:10" x14ac:dyDescent="0.25">
      <c r="A116" s="3" t="s">
        <v>151</v>
      </c>
      <c r="B116" s="5" t="s">
        <v>477</v>
      </c>
      <c r="C116" s="11">
        <v>324666100</v>
      </c>
      <c r="D116" s="11">
        <v>324666100</v>
      </c>
      <c r="E116" s="11">
        <v>266165144.69999999</v>
      </c>
      <c r="F116" s="11">
        <v>81.98</v>
      </c>
    </row>
    <row r="117" spans="1:10" x14ac:dyDescent="0.25">
      <c r="A117" s="2" t="s">
        <v>152</v>
      </c>
      <c r="B117" s="4" t="s">
        <v>478</v>
      </c>
      <c r="C117" s="12">
        <v>324666100</v>
      </c>
      <c r="D117" s="12">
        <v>324666100</v>
      </c>
      <c r="E117" s="12">
        <v>266165144.69999999</v>
      </c>
      <c r="F117" s="12">
        <v>81.98</v>
      </c>
    </row>
    <row r="118" spans="1:10" x14ac:dyDescent="0.25">
      <c r="A118" s="2" t="s">
        <v>153</v>
      </c>
      <c r="B118" s="4" t="s">
        <v>479</v>
      </c>
      <c r="C118" s="12">
        <v>0</v>
      </c>
      <c r="D118" s="12">
        <v>0</v>
      </c>
      <c r="E118" s="12">
        <v>0</v>
      </c>
      <c r="F118" s="12">
        <v>0</v>
      </c>
    </row>
    <row r="119" spans="1:10" x14ac:dyDescent="0.25">
      <c r="A119" s="2" t="s">
        <v>155</v>
      </c>
      <c r="B119" s="4" t="s">
        <v>480</v>
      </c>
      <c r="C119" s="12">
        <v>0</v>
      </c>
      <c r="D119" s="12">
        <v>0</v>
      </c>
      <c r="E119" s="12">
        <v>0</v>
      </c>
      <c r="F119" s="12">
        <v>0</v>
      </c>
    </row>
    <row r="120" spans="1:10" x14ac:dyDescent="0.25">
      <c r="A120" s="2" t="s">
        <v>157</v>
      </c>
      <c r="B120" s="4" t="s">
        <v>481</v>
      </c>
      <c r="C120" s="12">
        <v>0</v>
      </c>
      <c r="D120" s="12">
        <v>0</v>
      </c>
      <c r="E120" s="12">
        <v>0</v>
      </c>
      <c r="F120" s="12">
        <v>0</v>
      </c>
    </row>
    <row r="121" spans="1:10" x14ac:dyDescent="0.25">
      <c r="A121" s="2" t="s">
        <v>159</v>
      </c>
      <c r="B121" s="4" t="s">
        <v>482</v>
      </c>
      <c r="C121" s="12">
        <v>680100</v>
      </c>
      <c r="D121" s="12">
        <v>1237754</v>
      </c>
      <c r="E121" s="12">
        <v>692888.36</v>
      </c>
      <c r="F121" s="12">
        <v>55.98</v>
      </c>
    </row>
    <row r="122" spans="1:10" x14ac:dyDescent="0.25">
      <c r="A122" s="3" t="s">
        <v>161</v>
      </c>
      <c r="B122" s="5" t="s">
        <v>483</v>
      </c>
      <c r="C122" s="11">
        <v>325346200</v>
      </c>
      <c r="D122" s="11">
        <v>325903854</v>
      </c>
      <c r="E122" s="11">
        <v>266858033.06</v>
      </c>
      <c r="F122" s="11">
        <v>81.88</v>
      </c>
    </row>
    <row r="124" spans="1:10" x14ac:dyDescent="0.25">
      <c r="A124" s="10" t="s">
        <v>6</v>
      </c>
      <c r="B124" s="10" t="s">
        <v>484</v>
      </c>
      <c r="C124" s="10" t="s">
        <v>395</v>
      </c>
      <c r="D124" s="10" t="s">
        <v>396</v>
      </c>
      <c r="E124" s="10" t="s">
        <v>168</v>
      </c>
      <c r="F124" s="10" t="s">
        <v>7</v>
      </c>
      <c r="G124" s="10" t="s">
        <v>172</v>
      </c>
      <c r="H124" s="10" t="s">
        <v>7</v>
      </c>
      <c r="I124" s="10" t="s">
        <v>401</v>
      </c>
      <c r="J124" s="10" t="s">
        <v>401</v>
      </c>
    </row>
    <row r="125" spans="1:10" ht="21" x14ac:dyDescent="0.25">
      <c r="A125" s="10" t="s">
        <v>7</v>
      </c>
      <c r="B125" s="10" t="s">
        <v>7</v>
      </c>
      <c r="C125" s="10" t="s">
        <v>7</v>
      </c>
      <c r="D125" s="10" t="s">
        <v>7</v>
      </c>
      <c r="E125" s="1" t="s">
        <v>397</v>
      </c>
      <c r="F125" s="1" t="s">
        <v>398</v>
      </c>
      <c r="G125" s="1" t="s">
        <v>399</v>
      </c>
      <c r="H125" s="1" t="s">
        <v>400</v>
      </c>
      <c r="I125" s="1" t="s">
        <v>170</v>
      </c>
      <c r="J125" s="1" t="s">
        <v>402</v>
      </c>
    </row>
    <row r="126" spans="1:10" x14ac:dyDescent="0.25">
      <c r="A126" s="3" t="s">
        <v>163</v>
      </c>
      <c r="B126" s="5" t="s">
        <v>485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  <c r="J126" s="11">
        <v>0</v>
      </c>
    </row>
    <row r="127" spans="1:10" x14ac:dyDescent="0.25">
      <c r="A127" s="2" t="s">
        <v>176</v>
      </c>
      <c r="B127" s="4" t="s">
        <v>404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  <c r="J127" s="12">
        <v>0</v>
      </c>
    </row>
    <row r="128" spans="1:10" x14ac:dyDescent="0.25">
      <c r="A128" s="2" t="s">
        <v>178</v>
      </c>
      <c r="B128" s="4" t="s">
        <v>405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</row>
    <row r="129" spans="1:10" x14ac:dyDescent="0.25">
      <c r="A129" s="3" t="s">
        <v>180</v>
      </c>
      <c r="B129" s="5" t="s">
        <v>486</v>
      </c>
      <c r="C129" s="11">
        <v>272245800</v>
      </c>
      <c r="D129" s="11">
        <v>362979946.13</v>
      </c>
      <c r="E129" s="11">
        <v>171658719.34</v>
      </c>
      <c r="F129" s="11">
        <v>47.29</v>
      </c>
      <c r="G129" s="11">
        <v>144400917.50999999</v>
      </c>
      <c r="H129" s="11">
        <v>39.78</v>
      </c>
      <c r="I129" s="11">
        <v>132042969.38</v>
      </c>
      <c r="J129" s="11">
        <v>36.380000000000003</v>
      </c>
    </row>
    <row r="130" spans="1:10" x14ac:dyDescent="0.25">
      <c r="A130" s="2" t="s">
        <v>182</v>
      </c>
      <c r="B130" s="4" t="s">
        <v>404</v>
      </c>
      <c r="C130" s="12">
        <v>192406500</v>
      </c>
      <c r="D130" s="12">
        <v>262772093.96000001</v>
      </c>
      <c r="E130" s="12">
        <v>160715490.52000001</v>
      </c>
      <c r="F130" s="12">
        <v>61.16</v>
      </c>
      <c r="G130" s="12">
        <v>136706929.06999999</v>
      </c>
      <c r="H130" s="12">
        <v>52.02</v>
      </c>
      <c r="I130" s="12">
        <v>124984776.20999999</v>
      </c>
      <c r="J130" s="12">
        <v>47.56</v>
      </c>
    </row>
    <row r="131" spans="1:10" x14ac:dyDescent="0.25">
      <c r="A131" s="2" t="s">
        <v>184</v>
      </c>
      <c r="B131" s="4" t="s">
        <v>407</v>
      </c>
      <c r="C131" s="12">
        <v>79839300</v>
      </c>
      <c r="D131" s="12">
        <v>100207852.17</v>
      </c>
      <c r="E131" s="12">
        <v>10943228.82</v>
      </c>
      <c r="F131" s="12">
        <v>10.92</v>
      </c>
      <c r="G131" s="12">
        <v>7693988.4400000004</v>
      </c>
      <c r="H131" s="12">
        <v>7.68</v>
      </c>
      <c r="I131" s="12">
        <v>7058193.1699999999</v>
      </c>
      <c r="J131" s="12">
        <v>7.04</v>
      </c>
    </row>
    <row r="132" spans="1:10" x14ac:dyDescent="0.25">
      <c r="A132" s="3" t="s">
        <v>186</v>
      </c>
      <c r="B132" s="5" t="s">
        <v>487</v>
      </c>
      <c r="C132" s="11">
        <v>32466400</v>
      </c>
      <c r="D132" s="11">
        <v>29444099</v>
      </c>
      <c r="E132" s="11">
        <v>11350508.01</v>
      </c>
      <c r="F132" s="11">
        <v>38.549999999999997</v>
      </c>
      <c r="G132" s="11">
        <v>10661345.43</v>
      </c>
      <c r="H132" s="11">
        <v>36.21</v>
      </c>
      <c r="I132" s="11">
        <v>10656850.609999999</v>
      </c>
      <c r="J132" s="11">
        <v>36.19</v>
      </c>
    </row>
    <row r="133" spans="1:10" x14ac:dyDescent="0.25">
      <c r="A133" s="2" t="s">
        <v>188</v>
      </c>
      <c r="B133" s="4" t="s">
        <v>404</v>
      </c>
      <c r="C133" s="12">
        <v>32466400</v>
      </c>
      <c r="D133" s="12">
        <v>29444099</v>
      </c>
      <c r="E133" s="12">
        <v>11350508.01</v>
      </c>
      <c r="F133" s="12">
        <v>38.549999999999997</v>
      </c>
      <c r="G133" s="12">
        <v>10661345.43</v>
      </c>
      <c r="H133" s="12">
        <v>36.21</v>
      </c>
      <c r="I133" s="12">
        <v>10656850.609999999</v>
      </c>
      <c r="J133" s="12">
        <v>36.19</v>
      </c>
    </row>
    <row r="134" spans="1:10" x14ac:dyDescent="0.25">
      <c r="A134" s="2" t="s">
        <v>190</v>
      </c>
      <c r="B134" s="4" t="s">
        <v>407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  <c r="J134" s="12">
        <v>0</v>
      </c>
    </row>
    <row r="135" spans="1:10" x14ac:dyDescent="0.25">
      <c r="A135" s="3" t="s">
        <v>192</v>
      </c>
      <c r="B135" s="5" t="s">
        <v>488</v>
      </c>
      <c r="C135" s="11">
        <v>1982000</v>
      </c>
      <c r="D135" s="11">
        <v>1982000</v>
      </c>
      <c r="E135" s="11">
        <v>122416.63</v>
      </c>
      <c r="F135" s="11">
        <v>6.18</v>
      </c>
      <c r="G135" s="11">
        <v>54384.31</v>
      </c>
      <c r="H135" s="11">
        <v>2.74</v>
      </c>
      <c r="I135" s="11">
        <v>54384.31</v>
      </c>
      <c r="J135" s="11">
        <v>2.74</v>
      </c>
    </row>
    <row r="136" spans="1:10" x14ac:dyDescent="0.25">
      <c r="A136" s="2" t="s">
        <v>194</v>
      </c>
      <c r="B136" s="4" t="s">
        <v>404</v>
      </c>
      <c r="C136" s="12">
        <v>1982000</v>
      </c>
      <c r="D136" s="12">
        <v>1982000</v>
      </c>
      <c r="E136" s="12">
        <v>122416.63</v>
      </c>
      <c r="F136" s="12">
        <v>6.18</v>
      </c>
      <c r="G136" s="12">
        <v>54384.31</v>
      </c>
      <c r="H136" s="12">
        <v>2.74</v>
      </c>
      <c r="I136" s="12">
        <v>54384.31</v>
      </c>
      <c r="J136" s="12">
        <v>2.74</v>
      </c>
    </row>
    <row r="137" spans="1:10" x14ac:dyDescent="0.25">
      <c r="A137" s="2" t="s">
        <v>196</v>
      </c>
      <c r="B137" s="4" t="s">
        <v>407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  <c r="J137" s="12">
        <v>0</v>
      </c>
    </row>
    <row r="138" spans="1:10" x14ac:dyDescent="0.25">
      <c r="A138" s="3" t="s">
        <v>198</v>
      </c>
      <c r="B138" s="5" t="s">
        <v>489</v>
      </c>
      <c r="C138" s="11">
        <v>16066600</v>
      </c>
      <c r="D138" s="11">
        <v>85497169.579999998</v>
      </c>
      <c r="E138" s="11">
        <v>43145576.060000002</v>
      </c>
      <c r="F138" s="11">
        <v>50.46</v>
      </c>
      <c r="G138" s="11">
        <v>28550994.75</v>
      </c>
      <c r="H138" s="11">
        <v>33.39</v>
      </c>
      <c r="I138" s="11">
        <v>26857911.329999998</v>
      </c>
      <c r="J138" s="11">
        <v>31.41</v>
      </c>
    </row>
    <row r="139" spans="1:10" x14ac:dyDescent="0.25">
      <c r="A139" s="2" t="s">
        <v>200</v>
      </c>
      <c r="B139" s="4" t="s">
        <v>404</v>
      </c>
      <c r="C139" s="12">
        <v>15033500</v>
      </c>
      <c r="D139" s="12">
        <v>77545955.579999998</v>
      </c>
      <c r="E139" s="12">
        <v>42304144.740000002</v>
      </c>
      <c r="F139" s="12">
        <v>54.55</v>
      </c>
      <c r="G139" s="12">
        <v>28125994.75</v>
      </c>
      <c r="H139" s="12">
        <v>36.270000000000003</v>
      </c>
      <c r="I139" s="12">
        <v>26652911.329999998</v>
      </c>
      <c r="J139" s="12">
        <v>34.369999999999997</v>
      </c>
    </row>
    <row r="140" spans="1:10" x14ac:dyDescent="0.25">
      <c r="A140" s="2" t="s">
        <v>202</v>
      </c>
      <c r="B140" s="4" t="s">
        <v>407</v>
      </c>
      <c r="C140" s="12">
        <v>1033100</v>
      </c>
      <c r="D140" s="12">
        <v>7951214</v>
      </c>
      <c r="E140" s="12">
        <v>841431.32</v>
      </c>
      <c r="F140" s="12">
        <v>10.58</v>
      </c>
      <c r="G140" s="12">
        <v>425000</v>
      </c>
      <c r="H140" s="12">
        <v>5.35</v>
      </c>
      <c r="I140" s="12">
        <v>205000</v>
      </c>
      <c r="J140" s="12">
        <v>2.58</v>
      </c>
    </row>
    <row r="141" spans="1:10" x14ac:dyDescent="0.25">
      <c r="A141" s="3" t="s">
        <v>204</v>
      </c>
      <c r="B141" s="5" t="s">
        <v>490</v>
      </c>
      <c r="C141" s="11">
        <v>302500</v>
      </c>
      <c r="D141" s="11">
        <v>302500</v>
      </c>
      <c r="E141" s="11">
        <v>35778.730000000003</v>
      </c>
      <c r="F141" s="11">
        <v>11.83</v>
      </c>
      <c r="G141" s="11">
        <v>2683.91</v>
      </c>
      <c r="H141" s="11">
        <v>0.89</v>
      </c>
      <c r="I141" s="11">
        <v>2683.91</v>
      </c>
      <c r="J141" s="11">
        <v>0.89</v>
      </c>
    </row>
    <row r="142" spans="1:10" x14ac:dyDescent="0.25">
      <c r="A142" s="2" t="s">
        <v>206</v>
      </c>
      <c r="B142" s="4" t="s">
        <v>404</v>
      </c>
      <c r="C142" s="12">
        <v>302500</v>
      </c>
      <c r="D142" s="12">
        <v>302500</v>
      </c>
      <c r="E142" s="12">
        <v>35778.730000000003</v>
      </c>
      <c r="F142" s="12">
        <v>11.83</v>
      </c>
      <c r="G142" s="12">
        <v>2683.91</v>
      </c>
      <c r="H142" s="12">
        <v>0.89</v>
      </c>
      <c r="I142" s="12">
        <v>2683.91</v>
      </c>
      <c r="J142" s="12">
        <v>0.89</v>
      </c>
    </row>
    <row r="143" spans="1:10" x14ac:dyDescent="0.25">
      <c r="A143" s="2" t="s">
        <v>208</v>
      </c>
      <c r="B143" s="4" t="s">
        <v>407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  <c r="H143" s="12">
        <v>0</v>
      </c>
      <c r="I143" s="12">
        <v>0</v>
      </c>
      <c r="J143" s="12">
        <v>0</v>
      </c>
    </row>
    <row r="144" spans="1:10" x14ac:dyDescent="0.25">
      <c r="A144" s="3" t="s">
        <v>210</v>
      </c>
      <c r="B144" s="5" t="s">
        <v>491</v>
      </c>
      <c r="C144" s="11">
        <v>2282900</v>
      </c>
      <c r="D144" s="11">
        <v>2419900</v>
      </c>
      <c r="E144" s="11">
        <v>600855.44999999995</v>
      </c>
      <c r="F144" s="11">
        <v>24.83</v>
      </c>
      <c r="G144" s="11">
        <v>234555.23</v>
      </c>
      <c r="H144" s="11">
        <v>9.69</v>
      </c>
      <c r="I144" s="11">
        <v>234555.23</v>
      </c>
      <c r="J144" s="11">
        <v>9.69</v>
      </c>
    </row>
    <row r="145" spans="1:10" x14ac:dyDescent="0.25">
      <c r="A145" s="2" t="s">
        <v>212</v>
      </c>
      <c r="B145" s="4" t="s">
        <v>404</v>
      </c>
      <c r="C145" s="12">
        <v>1974200</v>
      </c>
      <c r="D145" s="12">
        <v>2111200</v>
      </c>
      <c r="E145" s="12">
        <v>600855.44999999995</v>
      </c>
      <c r="F145" s="12">
        <v>28.46</v>
      </c>
      <c r="G145" s="12">
        <v>234555.23</v>
      </c>
      <c r="H145" s="12">
        <v>11.11</v>
      </c>
      <c r="I145" s="12">
        <v>234555.23</v>
      </c>
      <c r="J145" s="12">
        <v>11.11</v>
      </c>
    </row>
    <row r="146" spans="1:10" x14ac:dyDescent="0.25">
      <c r="A146" s="2" t="s">
        <v>214</v>
      </c>
      <c r="B146" s="4" t="s">
        <v>407</v>
      </c>
      <c r="C146" s="12">
        <v>308700</v>
      </c>
      <c r="D146" s="12">
        <v>30870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  <c r="J146" s="12">
        <v>0</v>
      </c>
    </row>
    <row r="147" spans="1:10" x14ac:dyDescent="0.25">
      <c r="A147" s="3" t="s">
        <v>215</v>
      </c>
      <c r="B147" s="5" t="s">
        <v>492</v>
      </c>
      <c r="C147" s="11">
        <v>325346200</v>
      </c>
      <c r="D147" s="11">
        <v>482625614.70999998</v>
      </c>
      <c r="E147" s="11">
        <v>226913854.22</v>
      </c>
      <c r="F147" s="11">
        <v>47.02</v>
      </c>
      <c r="G147" s="11">
        <v>183904881.13999999</v>
      </c>
      <c r="H147" s="11">
        <v>38.11</v>
      </c>
      <c r="I147" s="11">
        <v>169849354.77000001</v>
      </c>
      <c r="J147" s="11">
        <v>35.19</v>
      </c>
    </row>
    <row r="149" spans="1:10" x14ac:dyDescent="0.25">
      <c r="A149" s="10" t="s">
        <v>6</v>
      </c>
      <c r="B149" s="10" t="s">
        <v>493</v>
      </c>
      <c r="C149" s="10" t="s">
        <v>395</v>
      </c>
      <c r="D149" s="10" t="s">
        <v>396</v>
      </c>
      <c r="E149" s="10" t="s">
        <v>168</v>
      </c>
      <c r="F149" s="10" t="s">
        <v>7</v>
      </c>
      <c r="G149" s="10" t="s">
        <v>172</v>
      </c>
      <c r="H149" s="10" t="s">
        <v>7</v>
      </c>
      <c r="I149" s="10" t="s">
        <v>401</v>
      </c>
      <c r="J149" s="10" t="s">
        <v>401</v>
      </c>
    </row>
    <row r="150" spans="1:10" ht="21" x14ac:dyDescent="0.25">
      <c r="A150" s="10" t="s">
        <v>7</v>
      </c>
      <c r="B150" s="10" t="s">
        <v>7</v>
      </c>
      <c r="C150" s="10" t="s">
        <v>7</v>
      </c>
      <c r="D150" s="10" t="s">
        <v>7</v>
      </c>
      <c r="E150" s="1" t="s">
        <v>397</v>
      </c>
      <c r="F150" s="1" t="s">
        <v>398</v>
      </c>
      <c r="G150" s="1" t="s">
        <v>494</v>
      </c>
      <c r="H150" s="1" t="s">
        <v>400</v>
      </c>
      <c r="I150" s="1" t="s">
        <v>170</v>
      </c>
      <c r="J150" s="1" t="s">
        <v>402</v>
      </c>
    </row>
    <row r="151" spans="1:10" x14ac:dyDescent="0.25">
      <c r="A151" s="2" t="s">
        <v>216</v>
      </c>
      <c r="B151" s="4" t="s">
        <v>495</v>
      </c>
      <c r="C151" s="12">
        <v>70490200</v>
      </c>
      <c r="D151" s="12">
        <v>63294628</v>
      </c>
      <c r="E151" s="12">
        <v>48780641.369999997</v>
      </c>
      <c r="F151" s="12">
        <v>77.069999999999993</v>
      </c>
      <c r="G151" s="12">
        <v>40787192.789999999</v>
      </c>
      <c r="H151" s="12">
        <v>64.44</v>
      </c>
      <c r="I151" s="12">
        <v>40339500.689999998</v>
      </c>
      <c r="J151" s="12">
        <v>63.73</v>
      </c>
    </row>
    <row r="152" spans="1:10" x14ac:dyDescent="0.25">
      <c r="A152" s="2" t="s">
        <v>218</v>
      </c>
      <c r="B152" s="4" t="s">
        <v>496</v>
      </c>
      <c r="C152" s="12">
        <v>962870800</v>
      </c>
      <c r="D152" s="12">
        <v>953323538.63</v>
      </c>
      <c r="E152" s="12">
        <v>520922039.80000001</v>
      </c>
      <c r="F152" s="12">
        <v>54.64</v>
      </c>
      <c r="G152" s="12">
        <v>460926777.57999998</v>
      </c>
      <c r="H152" s="12">
        <v>48.35</v>
      </c>
      <c r="I152" s="12">
        <v>435975505.29000002</v>
      </c>
      <c r="J152" s="12">
        <v>45.73</v>
      </c>
    </row>
    <row r="153" spans="1:10" x14ac:dyDescent="0.25">
      <c r="A153" s="2" t="s">
        <v>220</v>
      </c>
      <c r="B153" s="4" t="s">
        <v>497</v>
      </c>
      <c r="C153" s="12">
        <v>86673100</v>
      </c>
      <c r="D153" s="12">
        <v>96432562</v>
      </c>
      <c r="E153" s="12">
        <v>33718606.270000003</v>
      </c>
      <c r="F153" s="12">
        <v>34.97</v>
      </c>
      <c r="G153" s="12">
        <v>25943192.300000001</v>
      </c>
      <c r="H153" s="12">
        <v>26.9</v>
      </c>
      <c r="I153" s="12">
        <v>22649690.379999999</v>
      </c>
      <c r="J153" s="12">
        <v>23.49</v>
      </c>
    </row>
    <row r="154" spans="1:10" x14ac:dyDescent="0.25">
      <c r="A154" s="2" t="s">
        <v>222</v>
      </c>
      <c r="B154" s="4" t="s">
        <v>498</v>
      </c>
      <c r="C154" s="12">
        <v>1982000</v>
      </c>
      <c r="D154" s="12">
        <v>2482000</v>
      </c>
      <c r="E154" s="12">
        <v>501207.19</v>
      </c>
      <c r="F154" s="12">
        <v>20.190000000000001</v>
      </c>
      <c r="G154" s="12">
        <v>180647.83</v>
      </c>
      <c r="H154" s="12">
        <v>7.28</v>
      </c>
      <c r="I154" s="12">
        <v>179788.44</v>
      </c>
      <c r="J154" s="12">
        <v>7.24</v>
      </c>
    </row>
    <row r="155" spans="1:10" x14ac:dyDescent="0.25">
      <c r="A155" s="2" t="s">
        <v>225</v>
      </c>
      <c r="B155" s="4" t="s">
        <v>499</v>
      </c>
      <c r="C155" s="12">
        <v>32947500</v>
      </c>
      <c r="D155" s="12">
        <v>230912262.58000001</v>
      </c>
      <c r="E155" s="12">
        <v>151265897.28</v>
      </c>
      <c r="F155" s="12">
        <v>65.510000000000005</v>
      </c>
      <c r="G155" s="12">
        <v>111992349.62</v>
      </c>
      <c r="H155" s="12">
        <v>65.510000000000005</v>
      </c>
      <c r="I155" s="12">
        <v>98657902.890000001</v>
      </c>
      <c r="J155" s="12">
        <v>65.510000000000005</v>
      </c>
    </row>
    <row r="156" spans="1:10" x14ac:dyDescent="0.25">
      <c r="A156" s="2" t="s">
        <v>227</v>
      </c>
      <c r="B156" s="4" t="s">
        <v>500</v>
      </c>
      <c r="C156" s="12">
        <v>34239500</v>
      </c>
      <c r="D156" s="12">
        <v>34239500</v>
      </c>
      <c r="E156" s="12">
        <v>21008990.969999999</v>
      </c>
      <c r="F156" s="12">
        <v>61.36</v>
      </c>
      <c r="G156" s="12">
        <v>18132720.030000001</v>
      </c>
      <c r="H156" s="12">
        <v>52.96</v>
      </c>
      <c r="I156" s="12">
        <v>18132720.030000001</v>
      </c>
      <c r="J156" s="12">
        <v>52.96</v>
      </c>
    </row>
    <row r="157" spans="1:10" x14ac:dyDescent="0.25">
      <c r="A157" s="2" t="s">
        <v>229</v>
      </c>
      <c r="B157" s="4" t="s">
        <v>501</v>
      </c>
      <c r="C157" s="12">
        <v>364678300</v>
      </c>
      <c r="D157" s="12">
        <v>562966128.33000004</v>
      </c>
      <c r="E157" s="12">
        <v>476020151.14999998</v>
      </c>
      <c r="F157" s="12">
        <v>84.56</v>
      </c>
      <c r="G157" s="12">
        <v>460472002.61000001</v>
      </c>
      <c r="H157" s="12">
        <v>81.790000000000006</v>
      </c>
      <c r="I157" s="12">
        <v>444844051.80000001</v>
      </c>
      <c r="J157" s="12">
        <v>79.02</v>
      </c>
    </row>
    <row r="158" spans="1:10" x14ac:dyDescent="0.25">
      <c r="A158" s="2" t="s">
        <v>231</v>
      </c>
      <c r="B158" s="4" t="s">
        <v>502</v>
      </c>
      <c r="C158" s="12">
        <v>1553881400</v>
      </c>
      <c r="D158" s="12">
        <v>1943650619.54</v>
      </c>
      <c r="E158" s="12">
        <v>1252217534.03</v>
      </c>
      <c r="F158" s="12">
        <v>64.430000000000007</v>
      </c>
      <c r="G158" s="12">
        <v>1118434882.76</v>
      </c>
      <c r="H158" s="12">
        <v>57.54</v>
      </c>
      <c r="I158" s="12">
        <v>1060779159.52</v>
      </c>
      <c r="J158" s="12">
        <v>54.58</v>
      </c>
    </row>
    <row r="159" spans="1:10" x14ac:dyDescent="0.25">
      <c r="A159" s="2" t="s">
        <v>233</v>
      </c>
      <c r="B159" s="4" t="s">
        <v>503</v>
      </c>
      <c r="C159" s="12">
        <v>325346200</v>
      </c>
      <c r="D159" s="12">
        <v>482625614.70999998</v>
      </c>
      <c r="E159" s="12">
        <v>226913854.22</v>
      </c>
      <c r="F159" s="12">
        <v>47.02</v>
      </c>
      <c r="G159" s="12">
        <v>183904881.13999999</v>
      </c>
      <c r="H159" s="12">
        <v>38.11</v>
      </c>
      <c r="I159" s="12">
        <v>169849354.77000001</v>
      </c>
      <c r="J159" s="12">
        <v>35.19</v>
      </c>
    </row>
    <row r="160" spans="1:10" x14ac:dyDescent="0.25">
      <c r="A160" s="2" t="s">
        <v>235</v>
      </c>
      <c r="B160" s="4" t="s">
        <v>504</v>
      </c>
      <c r="C160" s="12">
        <v>1228535200</v>
      </c>
      <c r="D160" s="12">
        <v>1461025004.8299999</v>
      </c>
      <c r="E160" s="12">
        <v>1025303679.8099999</v>
      </c>
      <c r="F160" s="12">
        <v>70.180000000000007</v>
      </c>
      <c r="G160" s="12">
        <v>934530001.62</v>
      </c>
      <c r="H160" s="12">
        <v>63.96</v>
      </c>
      <c r="I160" s="12">
        <v>890929804.75</v>
      </c>
      <c r="J160" s="12">
        <v>60.98</v>
      </c>
    </row>
  </sheetData>
  <mergeCells count="82">
    <mergeCell ref="G124:H124"/>
    <mergeCell ref="I124:J124"/>
    <mergeCell ref="A149:A150"/>
    <mergeCell ref="B149:B150"/>
    <mergeCell ref="C149:C150"/>
    <mergeCell ref="D149:D150"/>
    <mergeCell ref="E149:F149"/>
    <mergeCell ref="G149:H149"/>
    <mergeCell ref="I149:J149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505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506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507</v>
      </c>
      <c r="C10" s="10" t="s">
        <v>508</v>
      </c>
      <c r="D10" s="10" t="s">
        <v>509</v>
      </c>
      <c r="E10" s="10" t="s">
        <v>509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69</v>
      </c>
      <c r="E11" s="1" t="s">
        <v>510</v>
      </c>
    </row>
    <row r="12" spans="1:13" x14ac:dyDescent="0.25">
      <c r="A12" s="3" t="s">
        <v>17</v>
      </c>
      <c r="B12" s="5" t="s">
        <v>511</v>
      </c>
      <c r="C12" s="11">
        <v>0</v>
      </c>
      <c r="D12" s="11">
        <v>0</v>
      </c>
      <c r="E12" s="11">
        <v>0</v>
      </c>
    </row>
    <row r="13" spans="1:13" x14ac:dyDescent="0.25">
      <c r="A13" s="2" t="s">
        <v>19</v>
      </c>
      <c r="B13" s="4" t="s">
        <v>512</v>
      </c>
      <c r="C13" s="12">
        <v>0</v>
      </c>
      <c r="D13" s="12">
        <v>0</v>
      </c>
      <c r="E13" s="12">
        <v>0</v>
      </c>
    </row>
    <row r="14" spans="1:13" x14ac:dyDescent="0.25">
      <c r="A14" s="3" t="s">
        <v>21</v>
      </c>
      <c r="B14" s="5" t="s">
        <v>513</v>
      </c>
      <c r="C14" s="11">
        <v>0</v>
      </c>
      <c r="D14" s="11">
        <v>0</v>
      </c>
      <c r="E14" s="11">
        <v>0</v>
      </c>
    </row>
    <row r="15" spans="1:13" x14ac:dyDescent="0.25">
      <c r="A15" s="2" t="s">
        <v>23</v>
      </c>
      <c r="B15" s="4" t="s">
        <v>514</v>
      </c>
      <c r="C15" s="12">
        <v>0</v>
      </c>
      <c r="D15" s="12">
        <v>0</v>
      </c>
      <c r="E15" s="12">
        <v>0</v>
      </c>
    </row>
    <row r="16" spans="1:13" x14ac:dyDescent="0.25">
      <c r="A16" s="2" t="s">
        <v>25</v>
      </c>
      <c r="B16" s="4" t="s">
        <v>515</v>
      </c>
      <c r="C16" s="12">
        <v>0</v>
      </c>
      <c r="D16" s="12">
        <v>0</v>
      </c>
      <c r="E16" s="12">
        <v>0</v>
      </c>
    </row>
    <row r="17" spans="1:13" x14ac:dyDescent="0.25">
      <c r="A17" s="2" t="s">
        <v>27</v>
      </c>
      <c r="B17" s="4" t="s">
        <v>516</v>
      </c>
      <c r="C17" s="12">
        <v>0</v>
      </c>
      <c r="D17" s="12">
        <v>0</v>
      </c>
      <c r="E17" s="12">
        <v>0</v>
      </c>
    </row>
    <row r="18" spans="1:13" x14ac:dyDescent="0.25">
      <c r="A18" s="3" t="s">
        <v>29</v>
      </c>
      <c r="B18" s="5" t="s">
        <v>517</v>
      </c>
      <c r="C18" s="11">
        <v>0</v>
      </c>
      <c r="D18" s="11">
        <v>0</v>
      </c>
      <c r="E18" s="11">
        <v>0</v>
      </c>
    </row>
    <row r="19" spans="1:13" x14ac:dyDescent="0.25">
      <c r="A19" s="2" t="s">
        <v>31</v>
      </c>
      <c r="B19" s="4" t="s">
        <v>518</v>
      </c>
      <c r="C19" s="12">
        <v>0</v>
      </c>
      <c r="D19" s="12">
        <v>0</v>
      </c>
      <c r="E19" s="12">
        <v>0</v>
      </c>
    </row>
    <row r="20" spans="1:13" x14ac:dyDescent="0.25">
      <c r="A20" s="2" t="s">
        <v>33</v>
      </c>
      <c r="B20" s="4" t="s">
        <v>519</v>
      </c>
      <c r="C20" s="12">
        <v>0</v>
      </c>
      <c r="D20" s="12">
        <v>0</v>
      </c>
      <c r="E20" s="12">
        <v>0</v>
      </c>
    </row>
    <row r="21" spans="1:13" x14ac:dyDescent="0.25">
      <c r="A21" s="2" t="s">
        <v>35</v>
      </c>
      <c r="B21" s="4" t="s">
        <v>520</v>
      </c>
      <c r="C21" s="12">
        <v>0</v>
      </c>
      <c r="D21" s="12">
        <v>0</v>
      </c>
      <c r="E21" s="12">
        <v>0</v>
      </c>
    </row>
    <row r="22" spans="1:13" x14ac:dyDescent="0.25">
      <c r="A22" s="2" t="s">
        <v>37</v>
      </c>
      <c r="B22" s="4" t="s">
        <v>521</v>
      </c>
      <c r="C22" s="12">
        <v>0</v>
      </c>
      <c r="D22" s="12">
        <v>0</v>
      </c>
      <c r="E22" s="12">
        <v>0</v>
      </c>
    </row>
    <row r="24" spans="1:13" x14ac:dyDescent="0.25">
      <c r="A24" s="10" t="s">
        <v>6</v>
      </c>
      <c r="B24" s="10" t="s">
        <v>522</v>
      </c>
      <c r="C24" s="10" t="s">
        <v>523</v>
      </c>
      <c r="D24" s="10" t="s">
        <v>524</v>
      </c>
      <c r="E24" s="10" t="s">
        <v>525</v>
      </c>
      <c r="F24" s="10" t="s">
        <v>526</v>
      </c>
      <c r="G24" s="10" t="s">
        <v>527</v>
      </c>
      <c r="H24" s="10" t="s">
        <v>528</v>
      </c>
      <c r="I24" s="10" t="s">
        <v>529</v>
      </c>
      <c r="J24" s="10" t="s">
        <v>530</v>
      </c>
      <c r="K24" s="10" t="s">
        <v>531</v>
      </c>
      <c r="L24" s="10" t="s">
        <v>532</v>
      </c>
      <c r="M24" s="10" t="s">
        <v>533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3" t="s">
        <v>39</v>
      </c>
      <c r="B26" s="5" t="s">
        <v>534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</row>
    <row r="27" spans="1:13" x14ac:dyDescent="0.25">
      <c r="A27" s="2" t="s">
        <v>41</v>
      </c>
      <c r="B27" s="4" t="s">
        <v>535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</row>
    <row r="28" spans="1:13" x14ac:dyDescent="0.25">
      <c r="A28" s="2" t="s">
        <v>43</v>
      </c>
      <c r="B28" s="4" t="s">
        <v>536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</row>
    <row r="29" spans="1:13" x14ac:dyDescent="0.25">
      <c r="A29" s="3" t="s">
        <v>45</v>
      </c>
      <c r="B29" s="5" t="s">
        <v>537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</row>
    <row r="30" spans="1:13" x14ac:dyDescent="0.25">
      <c r="A30" s="2" t="s">
        <v>47</v>
      </c>
      <c r="B30" s="4" t="s">
        <v>538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</row>
    <row r="31" spans="1:13" x14ac:dyDescent="0.25">
      <c r="A31" s="2" t="s">
        <v>49</v>
      </c>
      <c r="B31" s="4" t="s">
        <v>539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</row>
    <row r="32" spans="1:13" x14ac:dyDescent="0.25">
      <c r="A32" s="3" t="s">
        <v>51</v>
      </c>
      <c r="B32" s="5" t="s">
        <v>540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</row>
    <row r="33" spans="1:13" x14ac:dyDescent="0.25">
      <c r="A33" s="2" t="s">
        <v>53</v>
      </c>
      <c r="B33" s="4" t="s">
        <v>541</v>
      </c>
      <c r="C33" s="12">
        <v>12012249489.57</v>
      </c>
      <c r="D33" s="12">
        <v>13629193332.09</v>
      </c>
      <c r="E33" s="12">
        <v>0</v>
      </c>
      <c r="F33" s="12">
        <v>0</v>
      </c>
      <c r="G33" s="12">
        <v>0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</row>
    <row r="34" spans="1:13" x14ac:dyDescent="0.25">
      <c r="A34" s="2" t="s">
        <v>55</v>
      </c>
      <c r="B34" s="4" t="s">
        <v>542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</row>
    <row r="35" spans="1:13" x14ac:dyDescent="0.25">
      <c r="A35" s="2" t="s">
        <v>57</v>
      </c>
      <c r="B35" s="4" t="s">
        <v>543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  <c r="J35" s="12">
        <v>0</v>
      </c>
      <c r="K35" s="12">
        <v>0</v>
      </c>
      <c r="L35" s="12">
        <v>0</v>
      </c>
      <c r="M35" s="12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Anexo 1 - RREO</vt:lpstr>
      <vt:lpstr>Anexo - Anexo 2 - RREO</vt:lpstr>
      <vt:lpstr>Anexo - Anexo 3 - RREO</vt:lpstr>
      <vt:lpstr>Anexo - Anexo 4 - RREO</vt:lpstr>
      <vt:lpstr>Anexo - Anexo 6 - RREO</vt:lpstr>
      <vt:lpstr>Anexo - Anexo 7 - RREO</vt:lpstr>
      <vt:lpstr>Anexo - Anexo 8 - RREO</vt:lpstr>
      <vt:lpstr>Anexo - Anexo 12 - RREO</vt:lpstr>
      <vt:lpstr>Anexo - Anexo 13 - RREO</vt:lpstr>
      <vt:lpstr>Anexo - Anexo 14 - RRE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0-09-23T13:13:39Z</dcterms:created>
  <dcterms:modified xsi:type="dcterms:W3CDTF">2020-09-23T13:24:00Z</dcterms:modified>
</cp:coreProperties>
</file>